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heme/theme2.xml" ContentType="application/vnd.openxmlformats-officedocument.theme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767" r:id="rId5"/>
    <p:sldMasterId id="2147483706" r:id="rId6"/>
  </p:sldMasterIdLst>
  <p:notesMasterIdLst>
    <p:notesMasterId r:id="rId31"/>
  </p:notesMasterIdLst>
  <p:handoutMasterIdLst>
    <p:handoutMasterId r:id="rId32"/>
  </p:handoutMasterIdLst>
  <p:sldIdLst>
    <p:sldId id="272" r:id="rId7"/>
    <p:sldId id="378" r:id="rId8"/>
    <p:sldId id="357" r:id="rId9"/>
    <p:sldId id="371" r:id="rId10"/>
    <p:sldId id="358" r:id="rId11"/>
    <p:sldId id="351" r:id="rId12"/>
    <p:sldId id="350" r:id="rId13"/>
    <p:sldId id="376" r:id="rId14"/>
    <p:sldId id="377" r:id="rId15"/>
    <p:sldId id="379" r:id="rId16"/>
    <p:sldId id="373" r:id="rId17"/>
    <p:sldId id="363" r:id="rId18"/>
    <p:sldId id="278" r:id="rId19"/>
    <p:sldId id="372" r:id="rId20"/>
    <p:sldId id="356" r:id="rId21"/>
    <p:sldId id="361" r:id="rId22"/>
    <p:sldId id="364" r:id="rId23"/>
    <p:sldId id="375" r:id="rId24"/>
    <p:sldId id="365" r:id="rId25"/>
    <p:sldId id="368" r:id="rId26"/>
    <p:sldId id="380" r:id="rId27"/>
    <p:sldId id="374" r:id="rId28"/>
    <p:sldId id="271" r:id="rId29"/>
    <p:sldId id="359" r:id="rId30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B6FEBF3E-68C7-50A6-7FF3-958999797429}" name="LHUILLIER Nicolas" initials="LN" userId="S::nicolas.lhuillier_rte-france.com#ext#@sintef.onmicrosoft.com::90231e90-2fd2-4cb6-b1f7-171ef6d1c433" providerId="AD"/>
  <p188:author id="{3275A17C-8A67-E0D2-30FE-FCE64DF69052}" name="Kirsten Svenja Wiebe" initials="KW" userId="S::kirsten.wiebe@sintef.no::742e689c-da8f-421e-9a39-ba48434e9a94" providerId="AD"/>
  <p188:author id="{9AAAF596-43F5-8B40-4800-6A83E1F15803}" name="DURANTE Alvaro" initials="AD" userId="S::alvaro.durante@rte-france.com::c68a07f6-cc5f-4302-8266-65b46653a032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B978"/>
    <a:srgbClr val="AC75D5"/>
    <a:srgbClr val="00B0F0"/>
    <a:srgbClr val="FFFFFF"/>
    <a:srgbClr val="FF9933"/>
    <a:srgbClr val="CDFAE1"/>
    <a:srgbClr val="EFCC61"/>
    <a:srgbClr val="DB8784"/>
    <a:srgbClr val="EAD7A0"/>
    <a:srgbClr val="DE9D9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6A02946-2BF6-E8AE-1DC7-98BFC0BF26F8}" v="9" dt="2026-06-18T15:08:26.204"/>
    <p1510:client id="{13F459DF-7D03-45A1-C2A2-6AFE15080EC2}" v="543" dt="2026-06-18T13:55:10.469"/>
    <p1510:client id="{2942263B-B8D2-4C1D-9DB3-6EDA45E49A88}" v="4127" dt="2026-06-19T05:22:27.684"/>
    <p1510:client id="{37A3CA6A-7A19-C663-BC45-55752F060222}" v="18" dt="2026-06-18T13:35:54.917"/>
    <p1510:client id="{9CE0182D-1716-92D7-1671-CCBA29588ABA}" v="6" dt="2026-06-18T13:36:52.917"/>
    <p1510:client id="{A736BA88-CB76-86FB-BE88-566609A486C8}" v="339" dt="2026-06-18T10:02:46.576"/>
    <p1510:client id="{D9BAAAE1-1D3A-4980-A558-AA347D07F9AB}" v="149" dt="2026-06-18T15:45:01.208"/>
    <p1510:client id="{E25BFB6D-27AB-4ED8-9BEF-B49205F52B67}" v="639" dt="2026-06-18T16:07:49.68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Style moyen 1 - Accentuation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Style moyen 1 - Accentuation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793D81CF-94F2-401A-BA57-92F5A7B2D0C5}" styleName="Style moyen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87" d="100"/>
          <a:sy n="87" d="100"/>
        </p:scale>
        <p:origin x="422" y="6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slide" Target="slides/slide20.xml"/><Relationship Id="rId39" Type="http://schemas.microsoft.com/office/2018/10/relationships/authors" Target="authors.xml"/><Relationship Id="rId21" Type="http://schemas.openxmlformats.org/officeDocument/2006/relationships/slide" Target="slides/slide15.xml"/><Relationship Id="rId34" Type="http://schemas.openxmlformats.org/officeDocument/2006/relationships/viewProps" Target="viewProps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slide" Target="slides/slide19.xml"/><Relationship Id="rId33" Type="http://schemas.openxmlformats.org/officeDocument/2006/relationships/presProps" Target="presProps.xml"/><Relationship Id="rId38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slide" Target="slides/slide23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32" Type="http://schemas.openxmlformats.org/officeDocument/2006/relationships/handoutMaster" Target="handoutMasters/handoutMaster1.xml"/><Relationship Id="rId37" Type="http://schemas.microsoft.com/office/2016/11/relationships/changesInfo" Target="changesInfos/changesInfo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slide" Target="slides/slide22.xml"/><Relationship Id="rId36" Type="http://schemas.openxmlformats.org/officeDocument/2006/relationships/tableStyles" Target="tableStyles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31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slide" Target="slides/slide21.xml"/><Relationship Id="rId30" Type="http://schemas.openxmlformats.org/officeDocument/2006/relationships/slide" Target="slides/slide24.xml"/><Relationship Id="rId35" Type="http://schemas.openxmlformats.org/officeDocument/2006/relationships/theme" Target="theme/theme1.xml"/><Relationship Id="rId8" Type="http://schemas.openxmlformats.org/officeDocument/2006/relationships/slide" Target="slides/slide2.xml"/><Relationship Id="rId3" Type="http://schemas.openxmlformats.org/officeDocument/2006/relationships/customXml" Target="../customXml/item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HUILLIER Nicolas" userId="S::nicolas.lhuillier_rte-france.com#ext#@sintef.onmicrosoft.com::90231e90-2fd2-4cb6-b1f7-171ef6d1c433" providerId="AD" clId="Web-{8BAEA60A-A23C-2353-9912-B67B10F6D738}"/>
    <pc:docChg chg="modSld">
      <pc:chgData name="LHUILLIER Nicolas" userId="S::nicolas.lhuillier_rte-france.com#ext#@sintef.onmicrosoft.com::90231e90-2fd2-4cb6-b1f7-171ef6d1c433" providerId="AD" clId="Web-{8BAEA60A-A23C-2353-9912-B67B10F6D738}" dt="2026-06-08T12:08:10.184" v="344" actId="20577"/>
      <pc:docMkLst>
        <pc:docMk/>
      </pc:docMkLst>
      <pc:sldChg chg="modSp">
        <pc:chgData name="LHUILLIER Nicolas" userId="S::nicolas.lhuillier_rte-france.com#ext#@sintef.onmicrosoft.com::90231e90-2fd2-4cb6-b1f7-171ef6d1c433" providerId="AD" clId="Web-{8BAEA60A-A23C-2353-9912-B67B10F6D738}" dt="2026-06-08T12:08:10.184" v="344" actId="20577"/>
        <pc:sldMkLst>
          <pc:docMk/>
          <pc:sldMk cId="778485445" sldId="363"/>
        </pc:sldMkLst>
        <pc:spChg chg="mod">
          <ac:chgData name="LHUILLIER Nicolas" userId="S::nicolas.lhuillier_rte-france.com#ext#@sintef.onmicrosoft.com::90231e90-2fd2-4cb6-b1f7-171ef6d1c433" providerId="AD" clId="Web-{8BAEA60A-A23C-2353-9912-B67B10F6D738}" dt="2026-06-08T12:08:10.184" v="344" actId="20577"/>
          <ac:spMkLst>
            <pc:docMk/>
            <pc:sldMk cId="778485445" sldId="363"/>
            <ac:spMk id="3" creationId="{411A9AD1-86FE-B143-3E8D-11683B92DAC3}"/>
          </ac:spMkLst>
        </pc:spChg>
      </pc:sldChg>
    </pc:docChg>
  </pc:docChgLst>
  <pc:docChgLst>
    <pc:chgData name="LHUILLIER Nicolas" userId="S::nicolas.lhuillier_rte-france.com#ext#@sintef.onmicrosoft.com::90231e90-2fd2-4cb6-b1f7-171ef6d1c433" providerId="AD" clId="Web-{BB45C4B7-7C2F-242D-0188-390EF0FB83AF}"/>
    <pc:docChg chg="modSld">
      <pc:chgData name="LHUILLIER Nicolas" userId="S::nicolas.lhuillier_rte-france.com#ext#@sintef.onmicrosoft.com::90231e90-2fd2-4cb6-b1f7-171ef6d1c433" providerId="AD" clId="Web-{BB45C4B7-7C2F-242D-0188-390EF0FB83AF}" dt="2026-06-16T15:02:07.866" v="88"/>
      <pc:docMkLst>
        <pc:docMk/>
      </pc:docMkLst>
      <pc:sldChg chg="delSp">
        <pc:chgData name="LHUILLIER Nicolas" userId="S::nicolas.lhuillier_rte-france.com#ext#@sintef.onmicrosoft.com::90231e90-2fd2-4cb6-b1f7-171ef6d1c433" providerId="AD" clId="Web-{BB45C4B7-7C2F-242D-0188-390EF0FB83AF}" dt="2026-06-16T14:54:54.397" v="2"/>
        <pc:sldMkLst>
          <pc:docMk/>
          <pc:sldMk cId="1191536465" sldId="365"/>
        </pc:sldMkLst>
      </pc:sldChg>
      <pc:sldChg chg="delSp modSp">
        <pc:chgData name="LHUILLIER Nicolas" userId="S::nicolas.lhuillier_rte-france.com#ext#@sintef.onmicrosoft.com::90231e90-2fd2-4cb6-b1f7-171ef6d1c433" providerId="AD" clId="Web-{BB45C4B7-7C2F-242D-0188-390EF0FB83AF}" dt="2026-06-16T15:02:07.866" v="88"/>
        <pc:sldMkLst>
          <pc:docMk/>
          <pc:sldMk cId="1900225666" sldId="368"/>
        </pc:sldMkLst>
        <pc:spChg chg="mod">
          <ac:chgData name="LHUILLIER Nicolas" userId="S::nicolas.lhuillier_rte-france.com#ext#@sintef.onmicrosoft.com::90231e90-2fd2-4cb6-b1f7-171ef6d1c433" providerId="AD" clId="Web-{BB45C4B7-7C2F-242D-0188-390EF0FB83AF}" dt="2026-06-16T15:01:53.663" v="85" actId="20577"/>
          <ac:spMkLst>
            <pc:docMk/>
            <pc:sldMk cId="1900225666" sldId="368"/>
            <ac:spMk id="2" creationId="{A56E38EA-0495-6C0A-4706-EB5BDC6E1D31}"/>
          </ac:spMkLst>
        </pc:spChg>
      </pc:sldChg>
      <pc:sldChg chg="delSp modSp">
        <pc:chgData name="LHUILLIER Nicolas" userId="S::nicolas.lhuillier_rte-france.com#ext#@sintef.onmicrosoft.com::90231e90-2fd2-4cb6-b1f7-171ef6d1c433" providerId="AD" clId="Web-{BB45C4B7-7C2F-242D-0188-390EF0FB83AF}" dt="2026-06-16T15:00:28.741" v="5" actId="20577"/>
        <pc:sldMkLst>
          <pc:docMk/>
          <pc:sldMk cId="3765818103" sldId="375"/>
        </pc:sldMkLst>
        <pc:spChg chg="mod">
          <ac:chgData name="LHUILLIER Nicolas" userId="S::nicolas.lhuillier_rte-france.com#ext#@sintef.onmicrosoft.com::90231e90-2fd2-4cb6-b1f7-171ef6d1c433" providerId="AD" clId="Web-{BB45C4B7-7C2F-242D-0188-390EF0FB83AF}" dt="2026-06-16T15:00:28.741" v="5" actId="20577"/>
          <ac:spMkLst>
            <pc:docMk/>
            <pc:sldMk cId="3765818103" sldId="375"/>
            <ac:spMk id="8" creationId="{90CFF5CC-10FF-4155-33B2-F51ECEAB599A}"/>
          </ac:spMkLst>
        </pc:spChg>
      </pc:sldChg>
    </pc:docChg>
  </pc:docChgLst>
  <pc:docChgLst>
    <pc:chgData name="LHUILLIER Nicolas" userId="S::nicolas.lhuillier_rte-france.com#ext#@sintef.onmicrosoft.com::90231e90-2fd2-4cb6-b1f7-171ef6d1c433" providerId="AD" clId="Web-{57F0235A-1007-23F2-EC11-3B6D115B6992}"/>
    <pc:docChg chg="addSld delSld modSld">
      <pc:chgData name="LHUILLIER Nicolas" userId="S::nicolas.lhuillier_rte-france.com#ext#@sintef.onmicrosoft.com::90231e90-2fd2-4cb6-b1f7-171ef6d1c433" providerId="AD" clId="Web-{57F0235A-1007-23F2-EC11-3B6D115B6992}" dt="2026-06-08T12:14:12.213" v="5"/>
      <pc:docMkLst>
        <pc:docMk/>
      </pc:docMkLst>
      <pc:sldChg chg="addSp delSp modSp add replId">
        <pc:chgData name="LHUILLIER Nicolas" userId="S::nicolas.lhuillier_rte-france.com#ext#@sintef.onmicrosoft.com::90231e90-2fd2-4cb6-b1f7-171ef6d1c433" providerId="AD" clId="Web-{57F0235A-1007-23F2-EC11-3B6D115B6992}" dt="2026-06-08T12:13:50.791" v="3"/>
        <pc:sldMkLst>
          <pc:docMk/>
          <pc:sldMk cId="2233033144" sldId="364"/>
        </pc:sldMkLst>
        <pc:spChg chg="mod">
          <ac:chgData name="LHUILLIER Nicolas" userId="S::nicolas.lhuillier_rte-france.com#ext#@sintef.onmicrosoft.com::90231e90-2fd2-4cb6-b1f7-171ef6d1c433" providerId="AD" clId="Web-{57F0235A-1007-23F2-EC11-3B6D115B6992}" dt="2026-06-08T12:13:40.900" v="1" actId="20577"/>
          <ac:spMkLst>
            <pc:docMk/>
            <pc:sldMk cId="2233033144" sldId="364"/>
            <ac:spMk id="8" creationId="{8ED5CED6-F520-CFA5-DD88-926A4DD28012}"/>
          </ac:spMkLst>
        </pc:spChg>
      </pc:sldChg>
    </pc:docChg>
  </pc:docChgLst>
  <pc:docChgLst>
    <pc:chgData name="LHUILLIER Nicolas" userId="S::nicolas.lhuillier_rte-france.com#ext#@sintef.onmicrosoft.com::90231e90-2fd2-4cb6-b1f7-171ef6d1c433" providerId="AD" clId="Web-{13F459DF-7D03-45A1-C2A2-6AFE15080EC2}"/>
    <pc:docChg chg="modSld">
      <pc:chgData name="LHUILLIER Nicolas" userId="S::nicolas.lhuillier_rte-france.com#ext#@sintef.onmicrosoft.com::90231e90-2fd2-4cb6-b1f7-171ef6d1c433" providerId="AD" clId="Web-{13F459DF-7D03-45A1-C2A2-6AFE15080EC2}" dt="2026-06-18T13:55:10.469" v="540"/>
      <pc:docMkLst>
        <pc:docMk/>
      </pc:docMkLst>
      <pc:sldChg chg="modSp">
        <pc:chgData name="LHUILLIER Nicolas" userId="S::nicolas.lhuillier_rte-france.com#ext#@sintef.onmicrosoft.com::90231e90-2fd2-4cb6-b1f7-171ef6d1c433" providerId="AD" clId="Web-{13F459DF-7D03-45A1-C2A2-6AFE15080EC2}" dt="2026-06-18T13:55:10.469" v="540"/>
        <pc:sldMkLst>
          <pc:docMk/>
          <pc:sldMk cId="3765818103" sldId="375"/>
        </pc:sldMkLst>
        <pc:graphicFrameChg chg="mod modGraphic">
          <ac:chgData name="LHUILLIER Nicolas" userId="S::nicolas.lhuillier_rte-france.com#ext#@sintef.onmicrosoft.com::90231e90-2fd2-4cb6-b1f7-171ef6d1c433" providerId="AD" clId="Web-{13F459DF-7D03-45A1-C2A2-6AFE15080EC2}" dt="2026-06-18T13:55:10.469" v="540"/>
          <ac:graphicFrameMkLst>
            <pc:docMk/>
            <pc:sldMk cId="3765818103" sldId="375"/>
            <ac:graphicFrameMk id="4" creationId="{F68902A8-E9D1-3D1B-5E79-41C87CBA69FA}"/>
          </ac:graphicFrameMkLst>
        </pc:graphicFrameChg>
      </pc:sldChg>
    </pc:docChg>
  </pc:docChgLst>
  <pc:docChgLst>
    <pc:chgData name="LHUILLIER Nicolas" userId="S::nicolas.lhuillier_rte-france.com#ext#@sintef.onmicrosoft.com::90231e90-2fd2-4cb6-b1f7-171ef6d1c433" providerId="AD" clId="Web-{A736BA88-CB76-86FB-BE88-566609A486C8}"/>
    <pc:docChg chg="modSld">
      <pc:chgData name="LHUILLIER Nicolas" userId="S::nicolas.lhuillier_rte-france.com#ext#@sintef.onmicrosoft.com::90231e90-2fd2-4cb6-b1f7-171ef6d1c433" providerId="AD" clId="Web-{A736BA88-CB76-86FB-BE88-566609A486C8}" dt="2026-06-18T10:02:46.576" v="341" actId="20577"/>
      <pc:docMkLst>
        <pc:docMk/>
      </pc:docMkLst>
      <pc:sldChg chg="modSp">
        <pc:chgData name="LHUILLIER Nicolas" userId="S::nicolas.lhuillier_rte-france.com#ext#@sintef.onmicrosoft.com::90231e90-2fd2-4cb6-b1f7-171ef6d1c433" providerId="AD" clId="Web-{A736BA88-CB76-86FB-BE88-566609A486C8}" dt="2026-06-18T09:56:17.055" v="233" actId="20577"/>
        <pc:sldMkLst>
          <pc:docMk/>
          <pc:sldMk cId="3497905158" sldId="374"/>
        </pc:sldMkLst>
        <pc:spChg chg="mod">
          <ac:chgData name="LHUILLIER Nicolas" userId="S::nicolas.lhuillier_rte-france.com#ext#@sintef.onmicrosoft.com::90231e90-2fd2-4cb6-b1f7-171ef6d1c433" providerId="AD" clId="Web-{A736BA88-CB76-86FB-BE88-566609A486C8}" dt="2026-06-18T09:56:17.055" v="233" actId="20577"/>
          <ac:spMkLst>
            <pc:docMk/>
            <pc:sldMk cId="3497905158" sldId="374"/>
            <ac:spMk id="3" creationId="{3BD0B2ED-5CBE-5917-A4D7-E07C2E679EBD}"/>
          </ac:spMkLst>
        </pc:spChg>
        <pc:spChg chg="mod">
          <ac:chgData name="LHUILLIER Nicolas" userId="S::nicolas.lhuillier_rte-france.com#ext#@sintef.onmicrosoft.com::90231e90-2fd2-4cb6-b1f7-171ef6d1c433" providerId="AD" clId="Web-{A736BA88-CB76-86FB-BE88-566609A486C8}" dt="2026-06-18T09:56:06.836" v="226" actId="20577"/>
          <ac:spMkLst>
            <pc:docMk/>
            <pc:sldMk cId="3497905158" sldId="374"/>
            <ac:spMk id="4" creationId="{2C8E536D-8DD9-1917-73D6-D36FCE28C2E7}"/>
          </ac:spMkLst>
        </pc:spChg>
      </pc:sldChg>
      <pc:sldChg chg="modSp">
        <pc:chgData name="LHUILLIER Nicolas" userId="S::nicolas.lhuillier_rte-france.com#ext#@sintef.onmicrosoft.com::90231e90-2fd2-4cb6-b1f7-171ef6d1c433" providerId="AD" clId="Web-{A736BA88-CB76-86FB-BE88-566609A486C8}" dt="2026-06-18T09:44:13.343" v="7" actId="20577"/>
        <pc:sldMkLst>
          <pc:docMk/>
          <pc:sldMk cId="3765818103" sldId="375"/>
        </pc:sldMkLst>
        <pc:spChg chg="mod">
          <ac:chgData name="LHUILLIER Nicolas" userId="S::nicolas.lhuillier_rte-france.com#ext#@sintef.onmicrosoft.com::90231e90-2fd2-4cb6-b1f7-171ef6d1c433" providerId="AD" clId="Web-{A736BA88-CB76-86FB-BE88-566609A486C8}" dt="2026-06-18T09:44:13.343" v="7" actId="20577"/>
          <ac:spMkLst>
            <pc:docMk/>
            <pc:sldMk cId="3765818103" sldId="375"/>
            <ac:spMk id="8" creationId="{90CFF5CC-10FF-4155-33B2-F51ECEAB599A}"/>
          </ac:spMkLst>
        </pc:spChg>
      </pc:sldChg>
      <pc:sldChg chg="modSp">
        <pc:chgData name="LHUILLIER Nicolas" userId="S::nicolas.lhuillier_rte-france.com#ext#@sintef.onmicrosoft.com::90231e90-2fd2-4cb6-b1f7-171ef6d1c433" providerId="AD" clId="Web-{A736BA88-CB76-86FB-BE88-566609A486C8}" dt="2026-06-18T10:02:46.576" v="341" actId="20577"/>
        <pc:sldMkLst>
          <pc:docMk/>
          <pc:sldMk cId="458324529" sldId="380"/>
        </pc:sldMkLst>
        <pc:spChg chg="mod">
          <ac:chgData name="LHUILLIER Nicolas" userId="S::nicolas.lhuillier_rte-france.com#ext#@sintef.onmicrosoft.com::90231e90-2fd2-4cb6-b1f7-171ef6d1c433" providerId="AD" clId="Web-{A736BA88-CB76-86FB-BE88-566609A486C8}" dt="2026-06-18T10:00:33.965" v="266" actId="20577"/>
          <ac:spMkLst>
            <pc:docMk/>
            <pc:sldMk cId="458324529" sldId="380"/>
            <ac:spMk id="2" creationId="{47798DF1-17B0-033C-FC66-CC54D60F5DCF}"/>
          </ac:spMkLst>
        </pc:spChg>
        <pc:spChg chg="mod">
          <ac:chgData name="LHUILLIER Nicolas" userId="S::nicolas.lhuillier_rte-france.com#ext#@sintef.onmicrosoft.com::90231e90-2fd2-4cb6-b1f7-171ef6d1c433" providerId="AD" clId="Web-{A736BA88-CB76-86FB-BE88-566609A486C8}" dt="2026-06-18T10:02:46.576" v="341" actId="20577"/>
          <ac:spMkLst>
            <pc:docMk/>
            <pc:sldMk cId="458324529" sldId="380"/>
            <ac:spMk id="3" creationId="{B3228DD4-D817-BE4C-F50B-DA640EDF3EF6}"/>
          </ac:spMkLst>
        </pc:spChg>
        <pc:spChg chg="mod">
          <ac:chgData name="LHUILLIER Nicolas" userId="S::nicolas.lhuillier_rte-france.com#ext#@sintef.onmicrosoft.com::90231e90-2fd2-4cb6-b1f7-171ef6d1c433" providerId="AD" clId="Web-{A736BA88-CB76-86FB-BE88-566609A486C8}" dt="2026-06-18T10:00:04.433" v="263" actId="20577"/>
          <ac:spMkLst>
            <pc:docMk/>
            <pc:sldMk cId="458324529" sldId="380"/>
            <ac:spMk id="4" creationId="{72666784-DE87-5F70-8E6C-7A2C032EE8D9}"/>
          </ac:spMkLst>
        </pc:spChg>
      </pc:sldChg>
    </pc:docChg>
  </pc:docChgLst>
  <pc:docChgLst>
    <pc:chgData name="Kirsten Svenja Wiebe" userId="742e689c-da8f-421e-9a39-ba48434e9a94" providerId="ADAL" clId="{85F5AF22-B9FD-46D0-A643-674FA9E86E50}"/>
    <pc:docChg chg="undo redo custSel addSld delSld modSld sldOrd">
      <pc:chgData name="Kirsten Svenja Wiebe" userId="742e689c-da8f-421e-9a39-ba48434e9a94" providerId="ADAL" clId="{85F5AF22-B9FD-46D0-A643-674FA9E86E50}" dt="2026-06-19T05:26:04.962" v="7561" actId="22"/>
      <pc:docMkLst>
        <pc:docMk/>
      </pc:docMkLst>
      <pc:sldChg chg="addSp delSp modSp mod">
        <pc:chgData name="Kirsten Svenja Wiebe" userId="742e689c-da8f-421e-9a39-ba48434e9a94" providerId="ADAL" clId="{85F5AF22-B9FD-46D0-A643-674FA9E86E50}" dt="2026-06-16T12:21:56.083" v="6351" actId="1035"/>
        <pc:sldMkLst>
          <pc:docMk/>
          <pc:sldMk cId="3619548704" sldId="272"/>
        </pc:sldMkLst>
        <pc:spChg chg="add mod">
          <ac:chgData name="Kirsten Svenja Wiebe" userId="742e689c-da8f-421e-9a39-ba48434e9a94" providerId="ADAL" clId="{85F5AF22-B9FD-46D0-A643-674FA9E86E50}" dt="2026-06-16T12:19:27.796" v="6307" actId="1035"/>
          <ac:spMkLst>
            <pc:docMk/>
            <pc:sldMk cId="3619548704" sldId="272"/>
            <ac:spMk id="2" creationId="{C64CDD78-1D6C-C956-F476-5FC27FFB8B2C}"/>
          </ac:spMkLst>
        </pc:spChg>
        <pc:spChg chg="mod">
          <ac:chgData name="Kirsten Svenja Wiebe" userId="742e689c-da8f-421e-9a39-ba48434e9a94" providerId="ADAL" clId="{85F5AF22-B9FD-46D0-A643-674FA9E86E50}" dt="2026-06-16T12:21:56.083" v="6351" actId="1035"/>
          <ac:spMkLst>
            <pc:docMk/>
            <pc:sldMk cId="3619548704" sldId="272"/>
            <ac:spMk id="8" creationId="{C3A916A5-A7C2-F8EF-076B-B6AB54753A46}"/>
          </ac:spMkLst>
        </pc:spChg>
        <pc:spChg chg="mod">
          <ac:chgData name="Kirsten Svenja Wiebe" userId="742e689c-da8f-421e-9a39-ba48434e9a94" providerId="ADAL" clId="{85F5AF22-B9FD-46D0-A643-674FA9E86E50}" dt="2026-06-16T11:54:28.650" v="6144" actId="207"/>
          <ac:spMkLst>
            <pc:docMk/>
            <pc:sldMk cId="3619548704" sldId="272"/>
            <ac:spMk id="13" creationId="{44A1A606-CE70-02E1-E678-06EE2EDBB5FD}"/>
          </ac:spMkLst>
        </pc:spChg>
        <pc:grpChg chg="add mod">
          <ac:chgData name="Kirsten Svenja Wiebe" userId="742e689c-da8f-421e-9a39-ba48434e9a94" providerId="ADAL" clId="{85F5AF22-B9FD-46D0-A643-674FA9E86E50}" dt="2026-06-16T12:19:16.293" v="6301" actId="14100"/>
          <ac:grpSpMkLst>
            <pc:docMk/>
            <pc:sldMk cId="3619548704" sldId="272"/>
            <ac:grpSpMk id="6" creationId="{BE9B9707-6CAF-F2C9-65B6-5EF020E07809}"/>
          </ac:grpSpMkLst>
        </pc:grpChg>
        <pc:picChg chg="mod">
          <ac:chgData name="Kirsten Svenja Wiebe" userId="742e689c-da8f-421e-9a39-ba48434e9a94" providerId="ADAL" clId="{85F5AF22-B9FD-46D0-A643-674FA9E86E50}" dt="2026-06-16T07:09:04.853" v="3760" actId="1076"/>
          <ac:picMkLst>
            <pc:docMk/>
            <pc:sldMk cId="3619548704" sldId="272"/>
            <ac:picMk id="4" creationId="{8C052673-6100-2C37-5051-6D56FDCBD136}"/>
          </ac:picMkLst>
        </pc:picChg>
        <pc:picChg chg="mod">
          <ac:chgData name="Kirsten Svenja Wiebe" userId="742e689c-da8f-421e-9a39-ba48434e9a94" providerId="ADAL" clId="{85F5AF22-B9FD-46D0-A643-674FA9E86E50}" dt="2026-06-16T12:19:19.845" v="6302" actId="14100"/>
          <ac:picMkLst>
            <pc:docMk/>
            <pc:sldMk cId="3619548704" sldId="272"/>
            <ac:picMk id="10" creationId="{8A7B9EC7-6C33-A768-6023-EA3DD1CC7D9D}"/>
          </ac:picMkLst>
        </pc:picChg>
      </pc:sldChg>
      <pc:sldChg chg="addSp delSp modSp add mod addAnim delAnim modAnim">
        <pc:chgData name="Kirsten Svenja Wiebe" userId="742e689c-da8f-421e-9a39-ba48434e9a94" providerId="ADAL" clId="{85F5AF22-B9FD-46D0-A643-674FA9E86E50}" dt="2026-06-16T07:01:22.679" v="3733"/>
        <pc:sldMkLst>
          <pc:docMk/>
          <pc:sldMk cId="2557342534" sldId="278"/>
        </pc:sldMkLst>
        <pc:spChg chg="mod topLvl">
          <ac:chgData name="Kirsten Svenja Wiebe" userId="742e689c-da8f-421e-9a39-ba48434e9a94" providerId="ADAL" clId="{85F5AF22-B9FD-46D0-A643-674FA9E86E50}" dt="2026-06-16T06:52:25.956" v="3696" actId="165"/>
          <ac:spMkLst>
            <pc:docMk/>
            <pc:sldMk cId="2557342534" sldId="278"/>
            <ac:spMk id="3" creationId="{B9237426-246F-3BCF-1D80-A200410CA3B6}"/>
          </ac:spMkLst>
        </pc:spChg>
        <pc:spChg chg="add">
          <ac:chgData name="Kirsten Svenja Wiebe" userId="742e689c-da8f-421e-9a39-ba48434e9a94" providerId="ADAL" clId="{85F5AF22-B9FD-46D0-A643-674FA9E86E50}" dt="2026-06-16T06:36:34.174" v="3108" actId="22"/>
          <ac:spMkLst>
            <pc:docMk/>
            <pc:sldMk cId="2557342534" sldId="278"/>
            <ac:spMk id="8" creationId="{BD3F3A18-C9FA-3F8D-1187-8AFC0FC7C4B5}"/>
          </ac:spMkLst>
        </pc:spChg>
        <pc:spChg chg="mod topLvl">
          <ac:chgData name="Kirsten Svenja Wiebe" userId="742e689c-da8f-421e-9a39-ba48434e9a94" providerId="ADAL" clId="{85F5AF22-B9FD-46D0-A643-674FA9E86E50}" dt="2026-06-16T06:52:34.025" v="3697" actId="165"/>
          <ac:spMkLst>
            <pc:docMk/>
            <pc:sldMk cId="2557342534" sldId="278"/>
            <ac:spMk id="11" creationId="{52F77A2C-6D5C-F079-F398-A0C250578C3D}"/>
          </ac:spMkLst>
        </pc:spChg>
        <pc:spChg chg="mod topLvl">
          <ac:chgData name="Kirsten Svenja Wiebe" userId="742e689c-da8f-421e-9a39-ba48434e9a94" providerId="ADAL" clId="{85F5AF22-B9FD-46D0-A643-674FA9E86E50}" dt="2026-06-16T06:52:34.025" v="3697" actId="165"/>
          <ac:spMkLst>
            <pc:docMk/>
            <pc:sldMk cId="2557342534" sldId="278"/>
            <ac:spMk id="12" creationId="{810BF815-86EA-3893-76AD-051676366D39}"/>
          </ac:spMkLst>
        </pc:spChg>
        <pc:spChg chg="mod topLvl">
          <ac:chgData name="Kirsten Svenja Wiebe" userId="742e689c-da8f-421e-9a39-ba48434e9a94" providerId="ADAL" clId="{85F5AF22-B9FD-46D0-A643-674FA9E86E50}" dt="2026-06-16T06:52:34.025" v="3697" actId="165"/>
          <ac:spMkLst>
            <pc:docMk/>
            <pc:sldMk cId="2557342534" sldId="278"/>
            <ac:spMk id="14" creationId="{8B2AA113-E558-4773-377C-AEFD7166B55D}"/>
          </ac:spMkLst>
        </pc:spChg>
        <pc:spChg chg="mod topLvl">
          <ac:chgData name="Kirsten Svenja Wiebe" userId="742e689c-da8f-421e-9a39-ba48434e9a94" providerId="ADAL" clId="{85F5AF22-B9FD-46D0-A643-674FA9E86E50}" dt="2026-06-16T06:52:34.025" v="3697" actId="165"/>
          <ac:spMkLst>
            <pc:docMk/>
            <pc:sldMk cId="2557342534" sldId="278"/>
            <ac:spMk id="15" creationId="{B0F49618-986E-1CE7-4641-DFB8B030A4F9}"/>
          </ac:spMkLst>
        </pc:spChg>
        <pc:spChg chg="mod topLvl">
          <ac:chgData name="Kirsten Svenja Wiebe" userId="742e689c-da8f-421e-9a39-ba48434e9a94" providerId="ADAL" clId="{85F5AF22-B9FD-46D0-A643-674FA9E86E50}" dt="2026-06-16T06:52:34.025" v="3697" actId="165"/>
          <ac:spMkLst>
            <pc:docMk/>
            <pc:sldMk cId="2557342534" sldId="278"/>
            <ac:spMk id="16" creationId="{3D85F29C-5885-EE1B-9418-ADC653C51ABF}"/>
          </ac:spMkLst>
        </pc:spChg>
        <pc:spChg chg="mod topLvl">
          <ac:chgData name="Kirsten Svenja Wiebe" userId="742e689c-da8f-421e-9a39-ba48434e9a94" providerId="ADAL" clId="{85F5AF22-B9FD-46D0-A643-674FA9E86E50}" dt="2026-06-16T06:53:11.959" v="3698" actId="165"/>
          <ac:spMkLst>
            <pc:docMk/>
            <pc:sldMk cId="2557342534" sldId="278"/>
            <ac:spMk id="17" creationId="{2EF95E1E-D168-8BE2-640F-8EE525D3CE11}"/>
          </ac:spMkLst>
        </pc:spChg>
        <pc:spChg chg="mod topLvl">
          <ac:chgData name="Kirsten Svenja Wiebe" userId="742e689c-da8f-421e-9a39-ba48434e9a94" providerId="ADAL" clId="{85F5AF22-B9FD-46D0-A643-674FA9E86E50}" dt="2026-06-16T06:53:11.959" v="3698" actId="165"/>
          <ac:spMkLst>
            <pc:docMk/>
            <pc:sldMk cId="2557342534" sldId="278"/>
            <ac:spMk id="18" creationId="{E88FD09C-DEE8-64AB-A7F4-E47E1018B856}"/>
          </ac:spMkLst>
        </pc:spChg>
        <pc:spChg chg="mod topLvl">
          <ac:chgData name="Kirsten Svenja Wiebe" userId="742e689c-da8f-421e-9a39-ba48434e9a94" providerId="ADAL" clId="{85F5AF22-B9FD-46D0-A643-674FA9E86E50}" dt="2026-06-16T06:53:11.959" v="3698" actId="165"/>
          <ac:spMkLst>
            <pc:docMk/>
            <pc:sldMk cId="2557342534" sldId="278"/>
            <ac:spMk id="19" creationId="{8DDE47EB-E006-7821-AAD9-0FD8D0B4AA50}"/>
          </ac:spMkLst>
        </pc:spChg>
        <pc:spChg chg="mod topLvl">
          <ac:chgData name="Kirsten Svenja Wiebe" userId="742e689c-da8f-421e-9a39-ba48434e9a94" providerId="ADAL" clId="{85F5AF22-B9FD-46D0-A643-674FA9E86E50}" dt="2026-06-16T06:53:11.959" v="3698" actId="165"/>
          <ac:spMkLst>
            <pc:docMk/>
            <pc:sldMk cId="2557342534" sldId="278"/>
            <ac:spMk id="20" creationId="{135F037D-02B1-5017-EA4C-34B027A4CE8C}"/>
          </ac:spMkLst>
        </pc:spChg>
        <pc:spChg chg="mod">
          <ac:chgData name="Kirsten Svenja Wiebe" userId="742e689c-da8f-421e-9a39-ba48434e9a94" providerId="ADAL" clId="{85F5AF22-B9FD-46D0-A643-674FA9E86E50}" dt="2026-06-16T06:32:46.303" v="3027" actId="20577"/>
          <ac:spMkLst>
            <pc:docMk/>
            <pc:sldMk cId="2557342534" sldId="278"/>
            <ac:spMk id="21" creationId="{36A62E95-7043-C22C-F8CD-32EDC29FB36D}"/>
          </ac:spMkLst>
        </pc:spChg>
        <pc:spChg chg="mod">
          <ac:chgData name="Kirsten Svenja Wiebe" userId="742e689c-da8f-421e-9a39-ba48434e9a94" providerId="ADAL" clId="{85F5AF22-B9FD-46D0-A643-674FA9E86E50}" dt="2026-06-16T06:52:34.025" v="3697" actId="165"/>
          <ac:spMkLst>
            <pc:docMk/>
            <pc:sldMk cId="2557342534" sldId="278"/>
            <ac:spMk id="22" creationId="{AF5759DE-5780-640E-BE9A-CA66247F3ABC}"/>
          </ac:spMkLst>
        </pc:spChg>
        <pc:spChg chg="mod">
          <ac:chgData name="Kirsten Svenja Wiebe" userId="742e689c-da8f-421e-9a39-ba48434e9a94" providerId="ADAL" clId="{85F5AF22-B9FD-46D0-A643-674FA9E86E50}" dt="2026-06-16T06:43:42.515" v="3287" actId="14100"/>
          <ac:spMkLst>
            <pc:docMk/>
            <pc:sldMk cId="2557342534" sldId="278"/>
            <ac:spMk id="23" creationId="{7771132D-E4EA-BA24-402B-3D17A7A0E0CC}"/>
          </ac:spMkLst>
        </pc:spChg>
        <pc:spChg chg="mod">
          <ac:chgData name="Kirsten Svenja Wiebe" userId="742e689c-da8f-421e-9a39-ba48434e9a94" providerId="ADAL" clId="{85F5AF22-B9FD-46D0-A643-674FA9E86E50}" dt="2026-06-16T06:52:34.025" v="3697" actId="165"/>
          <ac:spMkLst>
            <pc:docMk/>
            <pc:sldMk cId="2557342534" sldId="278"/>
            <ac:spMk id="24" creationId="{D6B81449-4365-D183-8D67-E93CE2EF6BB3}"/>
          </ac:spMkLst>
        </pc:spChg>
        <pc:spChg chg="add mod">
          <ac:chgData name="Kirsten Svenja Wiebe" userId="742e689c-da8f-421e-9a39-ba48434e9a94" providerId="ADAL" clId="{85F5AF22-B9FD-46D0-A643-674FA9E86E50}" dt="2026-06-16T06:38:32.373" v="3148" actId="27636"/>
          <ac:spMkLst>
            <pc:docMk/>
            <pc:sldMk cId="2557342534" sldId="278"/>
            <ac:spMk id="32" creationId="{EC90EB2E-C273-8211-8B76-BC96D7DDB09D}"/>
          </ac:spMkLst>
        </pc:spChg>
        <pc:spChg chg="add mod">
          <ac:chgData name="Kirsten Svenja Wiebe" userId="742e689c-da8f-421e-9a39-ba48434e9a94" providerId="ADAL" clId="{85F5AF22-B9FD-46D0-A643-674FA9E86E50}" dt="2026-06-16T07:00:39.760" v="3727" actId="6549"/>
          <ac:spMkLst>
            <pc:docMk/>
            <pc:sldMk cId="2557342534" sldId="278"/>
            <ac:spMk id="37" creationId="{539BBC4F-AEB4-71FE-4AE0-542493A71BE2}"/>
          </ac:spMkLst>
        </pc:spChg>
        <pc:spChg chg="add mod">
          <ac:chgData name="Kirsten Svenja Wiebe" userId="742e689c-da8f-421e-9a39-ba48434e9a94" providerId="ADAL" clId="{85F5AF22-B9FD-46D0-A643-674FA9E86E50}" dt="2026-06-16T07:00:44.844" v="3728" actId="6549"/>
          <ac:spMkLst>
            <pc:docMk/>
            <pc:sldMk cId="2557342534" sldId="278"/>
            <ac:spMk id="40" creationId="{8C8E9CA4-AF85-D1FD-408F-8A1419F6E540}"/>
          </ac:spMkLst>
        </pc:spChg>
        <pc:spChg chg="add mod">
          <ac:chgData name="Kirsten Svenja Wiebe" userId="742e689c-da8f-421e-9a39-ba48434e9a94" providerId="ADAL" clId="{85F5AF22-B9FD-46D0-A643-674FA9E86E50}" dt="2026-06-16T07:00:48.498" v="3729" actId="6549"/>
          <ac:spMkLst>
            <pc:docMk/>
            <pc:sldMk cId="2557342534" sldId="278"/>
            <ac:spMk id="41" creationId="{C2489B69-97E0-B1B9-3037-57952BEA796E}"/>
          </ac:spMkLst>
        </pc:spChg>
        <pc:spChg chg="add mod">
          <ac:chgData name="Kirsten Svenja Wiebe" userId="742e689c-da8f-421e-9a39-ba48434e9a94" providerId="ADAL" clId="{85F5AF22-B9FD-46D0-A643-674FA9E86E50}" dt="2026-06-16T07:00:50.730" v="3730" actId="6549"/>
          <ac:spMkLst>
            <pc:docMk/>
            <pc:sldMk cId="2557342534" sldId="278"/>
            <ac:spMk id="42" creationId="{42D91A5D-D355-38F3-1E87-DA3CDA0B6DEB}"/>
          </ac:spMkLst>
        </pc:spChg>
        <pc:picChg chg="add mod">
          <ac:chgData name="Kirsten Svenja Wiebe" userId="742e689c-da8f-421e-9a39-ba48434e9a94" providerId="ADAL" clId="{85F5AF22-B9FD-46D0-A643-674FA9E86E50}" dt="2026-06-16T06:38:41.509" v="3176" actId="1038"/>
          <ac:picMkLst>
            <pc:docMk/>
            <pc:sldMk cId="2557342534" sldId="278"/>
            <ac:picMk id="6" creationId="{8AA218E9-4D5E-D508-5212-F9E6339DF866}"/>
          </ac:picMkLst>
        </pc:picChg>
        <pc:picChg chg="add mod">
          <ac:chgData name="Kirsten Svenja Wiebe" userId="742e689c-da8f-421e-9a39-ba48434e9a94" providerId="ADAL" clId="{85F5AF22-B9FD-46D0-A643-674FA9E86E50}" dt="2026-06-16T06:58:57.605" v="3709" actId="1076"/>
          <ac:picMkLst>
            <pc:docMk/>
            <pc:sldMk cId="2557342534" sldId="278"/>
            <ac:picMk id="44" creationId="{722E417F-57D2-791D-C39A-6C91B77F666F}"/>
          </ac:picMkLst>
        </pc:picChg>
      </pc:sldChg>
      <pc:sldChg chg="addSp delSp modSp mod ord modClrScheme modAnim chgLayout">
        <pc:chgData name="Kirsten Svenja Wiebe" userId="742e689c-da8f-421e-9a39-ba48434e9a94" providerId="ADAL" clId="{85F5AF22-B9FD-46D0-A643-674FA9E86E50}" dt="2026-06-16T12:05:24.797" v="6294" actId="20577"/>
        <pc:sldMkLst>
          <pc:docMk/>
          <pc:sldMk cId="1897357601" sldId="350"/>
        </pc:sldMkLst>
        <pc:spChg chg="mod ord">
          <ac:chgData name="Kirsten Svenja Wiebe" userId="742e689c-da8f-421e-9a39-ba48434e9a94" providerId="ADAL" clId="{85F5AF22-B9FD-46D0-A643-674FA9E86E50}" dt="2026-06-16T12:03:40.243" v="6224" actId="27636"/>
          <ac:spMkLst>
            <pc:docMk/>
            <pc:sldMk cId="1897357601" sldId="350"/>
            <ac:spMk id="2" creationId="{1EE3B8E2-4B2F-3747-D4E4-58220E34AD6A}"/>
          </ac:spMkLst>
        </pc:spChg>
        <pc:spChg chg="mod ord">
          <ac:chgData name="Kirsten Svenja Wiebe" userId="742e689c-da8f-421e-9a39-ba48434e9a94" providerId="ADAL" clId="{85F5AF22-B9FD-46D0-A643-674FA9E86E50}" dt="2026-06-16T12:05:10.838" v="6290" actId="20577"/>
          <ac:spMkLst>
            <pc:docMk/>
            <pc:sldMk cId="1897357601" sldId="350"/>
            <ac:spMk id="3" creationId="{9CE0A008-E655-D58C-C5C3-A4152BDA5B0F}"/>
          </ac:spMkLst>
        </pc:spChg>
        <pc:spChg chg="add mod ord">
          <ac:chgData name="Kirsten Svenja Wiebe" userId="742e689c-da8f-421e-9a39-ba48434e9a94" providerId="ADAL" clId="{85F5AF22-B9FD-46D0-A643-674FA9E86E50}" dt="2026-06-16T12:05:24.797" v="6294" actId="20577"/>
          <ac:spMkLst>
            <pc:docMk/>
            <pc:sldMk cId="1897357601" sldId="350"/>
            <ac:spMk id="4" creationId="{642F80A4-97F1-CB29-F6CF-6348A2568BC1}"/>
          </ac:spMkLst>
        </pc:spChg>
        <pc:grpChg chg="add del mod">
          <ac:chgData name="Kirsten Svenja Wiebe" userId="742e689c-da8f-421e-9a39-ba48434e9a94" providerId="ADAL" clId="{85F5AF22-B9FD-46D0-A643-674FA9E86E50}" dt="2026-06-16T08:00:03.127" v="4521" actId="21"/>
          <ac:grpSpMkLst>
            <pc:docMk/>
            <pc:sldMk cId="1897357601" sldId="350"/>
            <ac:grpSpMk id="11" creationId="{5E6E109A-C75A-C81A-FA2F-18B799F0BD51}"/>
          </ac:grpSpMkLst>
        </pc:grpChg>
        <pc:picChg chg="add mod">
          <ac:chgData name="Kirsten Svenja Wiebe" userId="742e689c-da8f-421e-9a39-ba48434e9a94" providerId="ADAL" clId="{85F5AF22-B9FD-46D0-A643-674FA9E86E50}" dt="2026-06-16T07:52:16.185" v="4378" actId="164"/>
          <ac:picMkLst>
            <pc:docMk/>
            <pc:sldMk cId="1897357601" sldId="350"/>
            <ac:picMk id="6" creationId="{34B67281-1908-3B7A-18CE-BECF16D8779E}"/>
          </ac:picMkLst>
        </pc:picChg>
        <pc:picChg chg="add mod">
          <ac:chgData name="Kirsten Svenja Wiebe" userId="742e689c-da8f-421e-9a39-ba48434e9a94" providerId="ADAL" clId="{85F5AF22-B9FD-46D0-A643-674FA9E86E50}" dt="2026-06-16T07:52:16.185" v="4378" actId="164"/>
          <ac:picMkLst>
            <pc:docMk/>
            <pc:sldMk cId="1897357601" sldId="350"/>
            <ac:picMk id="8" creationId="{655B7429-AF93-65B0-00E0-A9AEE8F3CF16}"/>
          </ac:picMkLst>
        </pc:picChg>
        <pc:picChg chg="add mod">
          <ac:chgData name="Kirsten Svenja Wiebe" userId="742e689c-da8f-421e-9a39-ba48434e9a94" providerId="ADAL" clId="{85F5AF22-B9FD-46D0-A643-674FA9E86E50}" dt="2026-06-16T07:52:16.185" v="4378" actId="164"/>
          <ac:picMkLst>
            <pc:docMk/>
            <pc:sldMk cId="1897357601" sldId="350"/>
            <ac:picMk id="10" creationId="{A2869088-AE5E-DB48-D2D6-1D99790B1F46}"/>
          </ac:picMkLst>
        </pc:picChg>
      </pc:sldChg>
      <pc:sldChg chg="addSp delSp modSp mod ord">
        <pc:chgData name="Kirsten Svenja Wiebe" userId="742e689c-da8f-421e-9a39-ba48434e9a94" providerId="ADAL" clId="{85F5AF22-B9FD-46D0-A643-674FA9E86E50}" dt="2026-06-16T12:03:29.565" v="6221" actId="27636"/>
        <pc:sldMkLst>
          <pc:docMk/>
          <pc:sldMk cId="1598637162" sldId="351"/>
        </pc:sldMkLst>
        <pc:spChg chg="mod">
          <ac:chgData name="Kirsten Svenja Wiebe" userId="742e689c-da8f-421e-9a39-ba48434e9a94" providerId="ADAL" clId="{85F5AF22-B9FD-46D0-A643-674FA9E86E50}" dt="2026-06-16T12:03:29.565" v="6221" actId="27636"/>
          <ac:spMkLst>
            <pc:docMk/>
            <pc:sldMk cId="1598637162" sldId="351"/>
            <ac:spMk id="2" creationId="{D7E65D7B-FA34-8092-4CA1-109189FEF49A}"/>
          </ac:spMkLst>
        </pc:spChg>
        <pc:spChg chg="mod">
          <ac:chgData name="Kirsten Svenja Wiebe" userId="742e689c-da8f-421e-9a39-ba48434e9a94" providerId="ADAL" clId="{85F5AF22-B9FD-46D0-A643-674FA9E86E50}" dt="2026-06-16T10:44:29.519" v="5442" actId="1582"/>
          <ac:spMkLst>
            <pc:docMk/>
            <pc:sldMk cId="1598637162" sldId="351"/>
            <ac:spMk id="3" creationId="{6D8A63A7-6137-1E6B-C61C-243FF0BD841A}"/>
          </ac:spMkLst>
        </pc:spChg>
        <pc:spChg chg="mod">
          <ac:chgData name="Kirsten Svenja Wiebe" userId="742e689c-da8f-421e-9a39-ba48434e9a94" providerId="ADAL" clId="{85F5AF22-B9FD-46D0-A643-674FA9E86E50}" dt="2026-06-16T10:43:13.941" v="5438" actId="207"/>
          <ac:spMkLst>
            <pc:docMk/>
            <pc:sldMk cId="1598637162" sldId="351"/>
            <ac:spMk id="6" creationId="{F5DF0C74-7776-1790-5417-65A8BAF9B9AB}"/>
          </ac:spMkLst>
        </pc:spChg>
        <pc:spChg chg="mod">
          <ac:chgData name="Kirsten Svenja Wiebe" userId="742e689c-da8f-421e-9a39-ba48434e9a94" providerId="ADAL" clId="{85F5AF22-B9FD-46D0-A643-674FA9E86E50}" dt="2026-06-16T10:43:13.941" v="5438" actId="207"/>
          <ac:spMkLst>
            <pc:docMk/>
            <pc:sldMk cId="1598637162" sldId="351"/>
            <ac:spMk id="7" creationId="{E04D3F1A-1102-86E4-B091-7EAD89BC2A7B}"/>
          </ac:spMkLst>
        </pc:spChg>
        <pc:spChg chg="mod">
          <ac:chgData name="Kirsten Svenja Wiebe" userId="742e689c-da8f-421e-9a39-ba48434e9a94" providerId="ADAL" clId="{85F5AF22-B9FD-46D0-A643-674FA9E86E50}" dt="2026-06-16T10:43:13.941" v="5438" actId="207"/>
          <ac:spMkLst>
            <pc:docMk/>
            <pc:sldMk cId="1598637162" sldId="351"/>
            <ac:spMk id="8" creationId="{54709B8D-D400-1435-4432-29FF26CF0169}"/>
          </ac:spMkLst>
        </pc:spChg>
        <pc:spChg chg="mod">
          <ac:chgData name="Kirsten Svenja Wiebe" userId="742e689c-da8f-421e-9a39-ba48434e9a94" providerId="ADAL" clId="{85F5AF22-B9FD-46D0-A643-674FA9E86E50}" dt="2026-06-16T10:43:13.941" v="5438" actId="207"/>
          <ac:spMkLst>
            <pc:docMk/>
            <pc:sldMk cId="1598637162" sldId="351"/>
            <ac:spMk id="9" creationId="{65FD87F8-C84C-44D5-E3FB-278D75693A31}"/>
          </ac:spMkLst>
        </pc:spChg>
        <pc:spChg chg="mod">
          <ac:chgData name="Kirsten Svenja Wiebe" userId="742e689c-da8f-421e-9a39-ba48434e9a94" providerId="ADAL" clId="{85F5AF22-B9FD-46D0-A643-674FA9E86E50}" dt="2026-06-16T10:43:13.941" v="5438" actId="207"/>
          <ac:spMkLst>
            <pc:docMk/>
            <pc:sldMk cId="1598637162" sldId="351"/>
            <ac:spMk id="10" creationId="{5896C78F-9016-34D8-79E5-754AAACB38B8}"/>
          </ac:spMkLst>
        </pc:spChg>
        <pc:spChg chg="mod">
          <ac:chgData name="Kirsten Svenja Wiebe" userId="742e689c-da8f-421e-9a39-ba48434e9a94" providerId="ADAL" clId="{85F5AF22-B9FD-46D0-A643-674FA9E86E50}" dt="2026-06-16T10:43:13.941" v="5438" actId="207"/>
          <ac:spMkLst>
            <pc:docMk/>
            <pc:sldMk cId="1598637162" sldId="351"/>
            <ac:spMk id="11" creationId="{AB507BA9-20BF-BF0A-5864-360A7AA75DD4}"/>
          </ac:spMkLst>
        </pc:spChg>
        <pc:spChg chg="mod">
          <ac:chgData name="Kirsten Svenja Wiebe" userId="742e689c-da8f-421e-9a39-ba48434e9a94" providerId="ADAL" clId="{85F5AF22-B9FD-46D0-A643-674FA9E86E50}" dt="2026-06-16T10:43:13.941" v="5438" actId="207"/>
          <ac:spMkLst>
            <pc:docMk/>
            <pc:sldMk cId="1598637162" sldId="351"/>
            <ac:spMk id="12" creationId="{9287AB2E-73C8-00CB-2A94-D3033DE51A3E}"/>
          </ac:spMkLst>
        </pc:spChg>
        <pc:spChg chg="mod">
          <ac:chgData name="Kirsten Svenja Wiebe" userId="742e689c-da8f-421e-9a39-ba48434e9a94" providerId="ADAL" clId="{85F5AF22-B9FD-46D0-A643-674FA9E86E50}" dt="2026-06-16T10:43:13.941" v="5438" actId="207"/>
          <ac:spMkLst>
            <pc:docMk/>
            <pc:sldMk cId="1598637162" sldId="351"/>
            <ac:spMk id="13" creationId="{4FF19BAD-1F81-0431-FA78-D6B7DCF31697}"/>
          </ac:spMkLst>
        </pc:spChg>
        <pc:spChg chg="mod">
          <ac:chgData name="Kirsten Svenja Wiebe" userId="742e689c-da8f-421e-9a39-ba48434e9a94" providerId="ADAL" clId="{85F5AF22-B9FD-46D0-A643-674FA9E86E50}" dt="2026-06-16T10:43:13.941" v="5438" actId="207"/>
          <ac:spMkLst>
            <pc:docMk/>
            <pc:sldMk cId="1598637162" sldId="351"/>
            <ac:spMk id="14" creationId="{264DAD3D-4828-5D83-539F-C6951F66A880}"/>
          </ac:spMkLst>
        </pc:spChg>
        <pc:spChg chg="mod">
          <ac:chgData name="Kirsten Svenja Wiebe" userId="742e689c-da8f-421e-9a39-ba48434e9a94" providerId="ADAL" clId="{85F5AF22-B9FD-46D0-A643-674FA9E86E50}" dt="2026-06-16T10:43:30.116" v="5439" actId="207"/>
          <ac:spMkLst>
            <pc:docMk/>
            <pc:sldMk cId="1598637162" sldId="351"/>
            <ac:spMk id="16" creationId="{167B1769-4F71-E45E-2D00-7B42E774C3D1}"/>
          </ac:spMkLst>
        </pc:spChg>
        <pc:spChg chg="mod">
          <ac:chgData name="Kirsten Svenja Wiebe" userId="742e689c-da8f-421e-9a39-ba48434e9a94" providerId="ADAL" clId="{85F5AF22-B9FD-46D0-A643-674FA9E86E50}" dt="2026-06-16T10:43:30.116" v="5439" actId="207"/>
          <ac:spMkLst>
            <pc:docMk/>
            <pc:sldMk cId="1598637162" sldId="351"/>
            <ac:spMk id="17" creationId="{8EBA5C71-7173-0EE9-4288-D7EB5F91821A}"/>
          </ac:spMkLst>
        </pc:spChg>
        <pc:spChg chg="mod">
          <ac:chgData name="Kirsten Svenja Wiebe" userId="742e689c-da8f-421e-9a39-ba48434e9a94" providerId="ADAL" clId="{85F5AF22-B9FD-46D0-A643-674FA9E86E50}" dt="2026-06-16T10:43:30.116" v="5439" actId="207"/>
          <ac:spMkLst>
            <pc:docMk/>
            <pc:sldMk cId="1598637162" sldId="351"/>
            <ac:spMk id="18" creationId="{1393251E-B3E8-403C-3DA7-F01B983020C4}"/>
          </ac:spMkLst>
        </pc:spChg>
        <pc:spChg chg="mod">
          <ac:chgData name="Kirsten Svenja Wiebe" userId="742e689c-da8f-421e-9a39-ba48434e9a94" providerId="ADAL" clId="{85F5AF22-B9FD-46D0-A643-674FA9E86E50}" dt="2026-06-16T10:43:30.116" v="5439" actId="207"/>
          <ac:spMkLst>
            <pc:docMk/>
            <pc:sldMk cId="1598637162" sldId="351"/>
            <ac:spMk id="19" creationId="{0B49A977-938F-EFE5-84E0-74E446532C70}"/>
          </ac:spMkLst>
        </pc:spChg>
        <pc:spChg chg="mod">
          <ac:chgData name="Kirsten Svenja Wiebe" userId="742e689c-da8f-421e-9a39-ba48434e9a94" providerId="ADAL" clId="{85F5AF22-B9FD-46D0-A643-674FA9E86E50}" dt="2026-06-16T10:43:30.116" v="5439" actId="207"/>
          <ac:spMkLst>
            <pc:docMk/>
            <pc:sldMk cId="1598637162" sldId="351"/>
            <ac:spMk id="20" creationId="{9F56BE6A-5690-5AB3-80DB-FC1B2D40D331}"/>
          </ac:spMkLst>
        </pc:spChg>
        <pc:spChg chg="mod">
          <ac:chgData name="Kirsten Svenja Wiebe" userId="742e689c-da8f-421e-9a39-ba48434e9a94" providerId="ADAL" clId="{85F5AF22-B9FD-46D0-A643-674FA9E86E50}" dt="2026-06-16T10:43:30.116" v="5439" actId="207"/>
          <ac:spMkLst>
            <pc:docMk/>
            <pc:sldMk cId="1598637162" sldId="351"/>
            <ac:spMk id="21" creationId="{B5B02191-FAB6-156C-2163-2291A007FA40}"/>
          </ac:spMkLst>
        </pc:spChg>
        <pc:spChg chg="mod">
          <ac:chgData name="Kirsten Svenja Wiebe" userId="742e689c-da8f-421e-9a39-ba48434e9a94" providerId="ADAL" clId="{85F5AF22-B9FD-46D0-A643-674FA9E86E50}" dt="2026-06-16T10:44:29.519" v="5442" actId="1582"/>
          <ac:spMkLst>
            <pc:docMk/>
            <pc:sldMk cId="1598637162" sldId="351"/>
            <ac:spMk id="29" creationId="{FD7D452E-D079-84F8-0695-8E45F5A6FD18}"/>
          </ac:spMkLst>
        </pc:spChg>
        <pc:spChg chg="mod">
          <ac:chgData name="Kirsten Svenja Wiebe" userId="742e689c-da8f-421e-9a39-ba48434e9a94" providerId="ADAL" clId="{85F5AF22-B9FD-46D0-A643-674FA9E86E50}" dt="2026-06-16T10:44:29.519" v="5442" actId="1582"/>
          <ac:spMkLst>
            <pc:docMk/>
            <pc:sldMk cId="1598637162" sldId="351"/>
            <ac:spMk id="30" creationId="{7ABC448D-F007-7339-EBBD-7619958B08FB}"/>
          </ac:spMkLst>
        </pc:spChg>
        <pc:spChg chg="mod">
          <ac:chgData name="Kirsten Svenja Wiebe" userId="742e689c-da8f-421e-9a39-ba48434e9a94" providerId="ADAL" clId="{85F5AF22-B9FD-46D0-A643-674FA9E86E50}" dt="2026-06-16T10:44:29.519" v="5442" actId="1582"/>
          <ac:spMkLst>
            <pc:docMk/>
            <pc:sldMk cId="1598637162" sldId="351"/>
            <ac:spMk id="31" creationId="{F4A9666A-780E-4C9E-273D-7B2AFEA5D400}"/>
          </ac:spMkLst>
        </pc:spChg>
        <pc:spChg chg="mod">
          <ac:chgData name="Kirsten Svenja Wiebe" userId="742e689c-da8f-421e-9a39-ba48434e9a94" providerId="ADAL" clId="{85F5AF22-B9FD-46D0-A643-674FA9E86E50}" dt="2026-06-16T10:44:29.519" v="5442" actId="1582"/>
          <ac:spMkLst>
            <pc:docMk/>
            <pc:sldMk cId="1598637162" sldId="351"/>
            <ac:spMk id="32" creationId="{F095946D-8F92-2F21-7E25-C662DA153BE3}"/>
          </ac:spMkLst>
        </pc:spChg>
        <pc:spChg chg="mod">
          <ac:chgData name="Kirsten Svenja Wiebe" userId="742e689c-da8f-421e-9a39-ba48434e9a94" providerId="ADAL" clId="{85F5AF22-B9FD-46D0-A643-674FA9E86E50}" dt="2026-06-16T07:35:22.871" v="4107" actId="6549"/>
          <ac:spMkLst>
            <pc:docMk/>
            <pc:sldMk cId="1598637162" sldId="351"/>
            <ac:spMk id="36" creationId="{452800BA-FC20-D415-E7C4-EF4544B3B2DF}"/>
          </ac:spMkLst>
        </pc:spChg>
        <pc:spChg chg="mod">
          <ac:chgData name="Kirsten Svenja Wiebe" userId="742e689c-da8f-421e-9a39-ba48434e9a94" providerId="ADAL" clId="{85F5AF22-B9FD-46D0-A643-674FA9E86E50}" dt="2026-06-16T07:17:50.714" v="3830" actId="13822"/>
          <ac:spMkLst>
            <pc:docMk/>
            <pc:sldMk cId="1598637162" sldId="351"/>
            <ac:spMk id="37" creationId="{28C68A9E-179A-41FA-4FCF-41682286FCF2}"/>
          </ac:spMkLst>
        </pc:spChg>
        <pc:spChg chg="mod">
          <ac:chgData name="Kirsten Svenja Wiebe" userId="742e689c-da8f-421e-9a39-ba48434e9a94" providerId="ADAL" clId="{85F5AF22-B9FD-46D0-A643-674FA9E86E50}" dt="2026-06-16T10:43:02.363" v="5437" actId="207"/>
          <ac:spMkLst>
            <pc:docMk/>
            <pc:sldMk cId="1598637162" sldId="351"/>
            <ac:spMk id="41" creationId="{47E28E3E-94C1-FEEE-EAB9-F16798D138E2}"/>
          </ac:spMkLst>
        </pc:spChg>
        <pc:spChg chg="mod">
          <ac:chgData name="Kirsten Svenja Wiebe" userId="742e689c-da8f-421e-9a39-ba48434e9a94" providerId="ADAL" clId="{85F5AF22-B9FD-46D0-A643-674FA9E86E50}" dt="2026-06-16T11:55:31.057" v="6146" actId="207"/>
          <ac:spMkLst>
            <pc:docMk/>
            <pc:sldMk cId="1598637162" sldId="351"/>
            <ac:spMk id="48" creationId="{11EDB38F-25DE-297E-59BB-A6F70DEA4774}"/>
          </ac:spMkLst>
        </pc:spChg>
        <pc:spChg chg="mod">
          <ac:chgData name="Kirsten Svenja Wiebe" userId="742e689c-da8f-421e-9a39-ba48434e9a94" providerId="ADAL" clId="{85F5AF22-B9FD-46D0-A643-674FA9E86E50}" dt="2026-06-16T10:44:36.433" v="5444" actId="1582"/>
          <ac:spMkLst>
            <pc:docMk/>
            <pc:sldMk cId="1598637162" sldId="351"/>
            <ac:spMk id="52" creationId="{04FC6633-F99D-0D74-E3A9-FBEFE0BB44CC}"/>
          </ac:spMkLst>
        </pc:spChg>
        <pc:spChg chg="mod">
          <ac:chgData name="Kirsten Svenja Wiebe" userId="742e689c-da8f-421e-9a39-ba48434e9a94" providerId="ADAL" clId="{85F5AF22-B9FD-46D0-A643-674FA9E86E50}" dt="2026-06-16T10:44:36.433" v="5444" actId="1582"/>
          <ac:spMkLst>
            <pc:docMk/>
            <pc:sldMk cId="1598637162" sldId="351"/>
            <ac:spMk id="53" creationId="{E4DB3A78-CF76-240C-BB07-3ACCDD5712EE}"/>
          </ac:spMkLst>
        </pc:spChg>
        <pc:spChg chg="mod">
          <ac:chgData name="Kirsten Svenja Wiebe" userId="742e689c-da8f-421e-9a39-ba48434e9a94" providerId="ADAL" clId="{85F5AF22-B9FD-46D0-A643-674FA9E86E50}" dt="2026-06-16T10:42:42.549" v="5432" actId="207"/>
          <ac:spMkLst>
            <pc:docMk/>
            <pc:sldMk cId="1598637162" sldId="351"/>
            <ac:spMk id="54" creationId="{3E3A3A7F-810C-1C5B-8C60-818169629BE2}"/>
          </ac:spMkLst>
        </pc:spChg>
        <pc:grpChg chg="mod">
          <ac:chgData name="Kirsten Svenja Wiebe" userId="742e689c-da8f-421e-9a39-ba48434e9a94" providerId="ADAL" clId="{85F5AF22-B9FD-46D0-A643-674FA9E86E50}" dt="2026-06-16T07:35:22.579" v="4106" actId="20577"/>
          <ac:grpSpMkLst>
            <pc:docMk/>
            <pc:sldMk cId="1598637162" sldId="351"/>
            <ac:grpSpMk id="59" creationId="{FCAF7FD1-15F2-68F7-AF59-8ACDFC35D522}"/>
          </ac:grpSpMkLst>
        </pc:grpChg>
        <pc:cxnChg chg="mod">
          <ac:chgData name="Kirsten Svenja Wiebe" userId="742e689c-da8f-421e-9a39-ba48434e9a94" providerId="ADAL" clId="{85F5AF22-B9FD-46D0-A643-674FA9E86E50}" dt="2026-06-16T07:35:22.579" v="4106" actId="20577"/>
          <ac:cxnSpMkLst>
            <pc:docMk/>
            <pc:sldMk cId="1598637162" sldId="351"/>
            <ac:cxnSpMk id="33" creationId="{9FAA7E10-36E6-F97D-0D13-B829962ECC1D}"/>
          </ac:cxnSpMkLst>
        </pc:cxnChg>
        <pc:cxnChg chg="mod">
          <ac:chgData name="Kirsten Svenja Wiebe" userId="742e689c-da8f-421e-9a39-ba48434e9a94" providerId="ADAL" clId="{85F5AF22-B9FD-46D0-A643-674FA9E86E50}" dt="2026-06-16T07:35:22.579" v="4106" actId="20577"/>
          <ac:cxnSpMkLst>
            <pc:docMk/>
            <pc:sldMk cId="1598637162" sldId="351"/>
            <ac:cxnSpMk id="34" creationId="{0C5A0F36-87DF-6128-0B91-1054CEF53665}"/>
          </ac:cxnSpMkLst>
        </pc:cxnChg>
        <pc:cxnChg chg="mod">
          <ac:chgData name="Kirsten Svenja Wiebe" userId="742e689c-da8f-421e-9a39-ba48434e9a94" providerId="ADAL" clId="{85F5AF22-B9FD-46D0-A643-674FA9E86E50}" dt="2026-06-16T10:42:55.232" v="5434" actId="208"/>
          <ac:cxnSpMkLst>
            <pc:docMk/>
            <pc:sldMk cId="1598637162" sldId="351"/>
            <ac:cxnSpMk id="35" creationId="{F35C8908-EB15-387D-571A-30E464BA6755}"/>
          </ac:cxnSpMkLst>
        </pc:cxnChg>
        <pc:cxnChg chg="mod">
          <ac:chgData name="Kirsten Svenja Wiebe" userId="742e689c-da8f-421e-9a39-ba48434e9a94" providerId="ADAL" clId="{85F5AF22-B9FD-46D0-A643-674FA9E86E50}" dt="2026-06-16T10:42:55.232" v="5434" actId="208"/>
          <ac:cxnSpMkLst>
            <pc:docMk/>
            <pc:sldMk cId="1598637162" sldId="351"/>
            <ac:cxnSpMk id="38" creationId="{29C33A37-E64A-15C4-F157-E3D3B99E5664}"/>
          </ac:cxnSpMkLst>
        </pc:cxnChg>
        <pc:cxnChg chg="mod">
          <ac:chgData name="Kirsten Svenja Wiebe" userId="742e689c-da8f-421e-9a39-ba48434e9a94" providerId="ADAL" clId="{85F5AF22-B9FD-46D0-A643-674FA9E86E50}" dt="2026-06-16T10:42:55.232" v="5434" actId="208"/>
          <ac:cxnSpMkLst>
            <pc:docMk/>
            <pc:sldMk cId="1598637162" sldId="351"/>
            <ac:cxnSpMk id="39" creationId="{47CD2080-A45E-0B96-8FF7-BB13EC1C2C8F}"/>
          </ac:cxnSpMkLst>
        </pc:cxnChg>
        <pc:cxnChg chg="mod">
          <ac:chgData name="Kirsten Svenja Wiebe" userId="742e689c-da8f-421e-9a39-ba48434e9a94" providerId="ADAL" clId="{85F5AF22-B9FD-46D0-A643-674FA9E86E50}" dt="2026-06-16T07:35:22.579" v="4106" actId="20577"/>
          <ac:cxnSpMkLst>
            <pc:docMk/>
            <pc:sldMk cId="1598637162" sldId="351"/>
            <ac:cxnSpMk id="40" creationId="{D1373247-D1D7-7256-0B67-D6D5E1DA6311}"/>
          </ac:cxnSpMkLst>
        </pc:cxnChg>
        <pc:cxnChg chg="mod">
          <ac:chgData name="Kirsten Svenja Wiebe" userId="742e689c-da8f-421e-9a39-ba48434e9a94" providerId="ADAL" clId="{85F5AF22-B9FD-46D0-A643-674FA9E86E50}" dt="2026-06-16T10:42:55.232" v="5434" actId="208"/>
          <ac:cxnSpMkLst>
            <pc:docMk/>
            <pc:sldMk cId="1598637162" sldId="351"/>
            <ac:cxnSpMk id="42" creationId="{21B5BC3B-6BB4-3FB1-363D-625D2B8EAFEC}"/>
          </ac:cxnSpMkLst>
        </pc:cxnChg>
        <pc:cxnChg chg="mod">
          <ac:chgData name="Kirsten Svenja Wiebe" userId="742e689c-da8f-421e-9a39-ba48434e9a94" providerId="ADAL" clId="{85F5AF22-B9FD-46D0-A643-674FA9E86E50}" dt="2026-06-16T10:42:55.232" v="5434" actId="208"/>
          <ac:cxnSpMkLst>
            <pc:docMk/>
            <pc:sldMk cId="1598637162" sldId="351"/>
            <ac:cxnSpMk id="43" creationId="{2E5E4492-8BA0-AB34-78D3-73160FB5142F}"/>
          </ac:cxnSpMkLst>
        </pc:cxnChg>
        <pc:cxnChg chg="mod">
          <ac:chgData name="Kirsten Svenja Wiebe" userId="742e689c-da8f-421e-9a39-ba48434e9a94" providerId="ADAL" clId="{85F5AF22-B9FD-46D0-A643-674FA9E86E50}" dt="2026-06-16T06:51:03.674" v="3689" actId="208"/>
          <ac:cxnSpMkLst>
            <pc:docMk/>
            <pc:sldMk cId="1598637162" sldId="351"/>
            <ac:cxnSpMk id="55" creationId="{D3EC3D1C-06FE-40A7-6ADA-FFE54EBF4874}"/>
          </ac:cxnSpMkLst>
        </pc:cxnChg>
        <pc:cxnChg chg="mod">
          <ac:chgData name="Kirsten Svenja Wiebe" userId="742e689c-da8f-421e-9a39-ba48434e9a94" providerId="ADAL" clId="{85F5AF22-B9FD-46D0-A643-674FA9E86E50}" dt="2026-06-16T06:51:00.212" v="3688" actId="208"/>
          <ac:cxnSpMkLst>
            <pc:docMk/>
            <pc:sldMk cId="1598637162" sldId="351"/>
            <ac:cxnSpMk id="56" creationId="{C0F09FDA-CCA0-6AB6-7650-2066B5AFFAAA}"/>
          </ac:cxnSpMkLst>
        </pc:cxnChg>
        <pc:cxnChg chg="mod">
          <ac:chgData name="Kirsten Svenja Wiebe" userId="742e689c-da8f-421e-9a39-ba48434e9a94" providerId="ADAL" clId="{85F5AF22-B9FD-46D0-A643-674FA9E86E50}" dt="2026-06-16T06:50:57.355" v="3687" actId="208"/>
          <ac:cxnSpMkLst>
            <pc:docMk/>
            <pc:sldMk cId="1598637162" sldId="351"/>
            <ac:cxnSpMk id="57" creationId="{4B73873D-9EBC-3C05-BF65-C6B6D2AC3B92}"/>
          </ac:cxnSpMkLst>
        </pc:cxnChg>
        <pc:cxnChg chg="mod">
          <ac:chgData name="Kirsten Svenja Wiebe" userId="742e689c-da8f-421e-9a39-ba48434e9a94" providerId="ADAL" clId="{85F5AF22-B9FD-46D0-A643-674FA9E86E50}" dt="2026-06-16T06:50:53.416" v="3686" actId="208"/>
          <ac:cxnSpMkLst>
            <pc:docMk/>
            <pc:sldMk cId="1598637162" sldId="351"/>
            <ac:cxnSpMk id="58" creationId="{900239A3-B6A5-4E00-B65B-00DB95D4484D}"/>
          </ac:cxnSpMkLst>
        </pc:cxnChg>
      </pc:sldChg>
      <pc:sldChg chg="addSp modSp mod">
        <pc:chgData name="Kirsten Svenja Wiebe" userId="742e689c-da8f-421e-9a39-ba48434e9a94" providerId="ADAL" clId="{85F5AF22-B9FD-46D0-A643-674FA9E86E50}" dt="2026-06-19T05:25:52.879" v="7559" actId="1038"/>
        <pc:sldMkLst>
          <pc:docMk/>
          <pc:sldMk cId="3688461587" sldId="356"/>
        </pc:sldMkLst>
        <pc:spChg chg="mod">
          <ac:chgData name="Kirsten Svenja Wiebe" userId="742e689c-da8f-421e-9a39-ba48434e9a94" providerId="ADAL" clId="{85F5AF22-B9FD-46D0-A643-674FA9E86E50}" dt="2026-06-16T06:22:05.325" v="2867" actId="27636"/>
          <ac:spMkLst>
            <pc:docMk/>
            <pc:sldMk cId="3688461587" sldId="356"/>
            <ac:spMk id="2" creationId="{C7DFC56A-8A57-86FA-C1E0-655E02223674}"/>
          </ac:spMkLst>
        </pc:spChg>
        <pc:picChg chg="add mod">
          <ac:chgData name="Kirsten Svenja Wiebe" userId="742e689c-da8f-421e-9a39-ba48434e9a94" providerId="ADAL" clId="{85F5AF22-B9FD-46D0-A643-674FA9E86E50}" dt="2026-06-19T05:25:52.879" v="7559" actId="1038"/>
          <ac:picMkLst>
            <pc:docMk/>
            <pc:sldMk cId="3688461587" sldId="356"/>
            <ac:picMk id="7" creationId="{A1CA48A3-E83E-6D19-998D-9514FB4F64FB}"/>
          </ac:picMkLst>
        </pc:picChg>
      </pc:sldChg>
      <pc:sldChg chg="addSp delSp modSp mod modClrScheme addAnim delAnim modAnim modCm chgLayout">
        <pc:chgData name="Kirsten Svenja Wiebe" userId="742e689c-da8f-421e-9a39-ba48434e9a94" providerId="ADAL" clId="{85F5AF22-B9FD-46D0-A643-674FA9E86E50}" dt="2026-06-17T08:48:57.500" v="6773" actId="179"/>
        <pc:sldMkLst>
          <pc:docMk/>
          <pc:sldMk cId="3114725723" sldId="357"/>
        </pc:sldMkLst>
        <pc:spChg chg="mod ord">
          <ac:chgData name="Kirsten Svenja Wiebe" userId="742e689c-da8f-421e-9a39-ba48434e9a94" providerId="ADAL" clId="{85F5AF22-B9FD-46D0-A643-674FA9E86E50}" dt="2026-06-15T10:28:36.038" v="1293" actId="700"/>
          <ac:spMkLst>
            <pc:docMk/>
            <pc:sldMk cId="3114725723" sldId="357"/>
            <ac:spMk id="2" creationId="{E37C9F0F-D8DF-BF5C-7F66-2A7F4136EAA2}"/>
          </ac:spMkLst>
        </pc:spChg>
        <pc:spChg chg="add mod ord">
          <ac:chgData name="Kirsten Svenja Wiebe" userId="742e689c-da8f-421e-9a39-ba48434e9a94" providerId="ADAL" clId="{85F5AF22-B9FD-46D0-A643-674FA9E86E50}" dt="2026-06-17T08:48:57.500" v="6773" actId="179"/>
          <ac:spMkLst>
            <pc:docMk/>
            <pc:sldMk cId="3114725723" sldId="357"/>
            <ac:spMk id="5" creationId="{D20276AA-9EBB-79AD-43A9-C96611823C75}"/>
          </ac:spMkLst>
        </pc:spChg>
        <pc:spChg chg="add mod">
          <ac:chgData name="Kirsten Svenja Wiebe" userId="742e689c-da8f-421e-9a39-ba48434e9a94" providerId="ADAL" clId="{85F5AF22-B9FD-46D0-A643-674FA9E86E50}" dt="2026-06-17T08:43:48.327" v="6640" actId="1036"/>
          <ac:spMkLst>
            <pc:docMk/>
            <pc:sldMk cId="3114725723" sldId="357"/>
            <ac:spMk id="20" creationId="{CB776915-3829-05D7-59F6-0D361BEE7692}"/>
          </ac:spMkLst>
        </pc:spChg>
        <pc:spChg chg="add mod">
          <ac:chgData name="Kirsten Svenja Wiebe" userId="742e689c-da8f-421e-9a39-ba48434e9a94" providerId="ADAL" clId="{85F5AF22-B9FD-46D0-A643-674FA9E86E50}" dt="2026-06-17T08:43:48.327" v="6640" actId="1036"/>
          <ac:spMkLst>
            <pc:docMk/>
            <pc:sldMk cId="3114725723" sldId="357"/>
            <ac:spMk id="22" creationId="{D492513E-F7DE-07AC-3CA8-BE55AC6777EA}"/>
          </ac:spMkLst>
        </pc:spChg>
        <pc:spChg chg="add mod">
          <ac:chgData name="Kirsten Svenja Wiebe" userId="742e689c-da8f-421e-9a39-ba48434e9a94" providerId="ADAL" clId="{85F5AF22-B9FD-46D0-A643-674FA9E86E50}" dt="2026-06-17T08:44:22.586" v="6647" actId="20577"/>
          <ac:spMkLst>
            <pc:docMk/>
            <pc:sldMk cId="3114725723" sldId="357"/>
            <ac:spMk id="24" creationId="{6E23A10C-8B6E-89F3-723A-E5C6F5148DC0}"/>
          </ac:spMkLst>
        </pc:spChg>
        <pc:picChg chg="add mod">
          <ac:chgData name="Kirsten Svenja Wiebe" userId="742e689c-da8f-421e-9a39-ba48434e9a94" providerId="ADAL" clId="{85F5AF22-B9FD-46D0-A643-674FA9E86E50}" dt="2026-06-17T08:43:53.377" v="6641" actId="1076"/>
          <ac:picMkLst>
            <pc:docMk/>
            <pc:sldMk cId="3114725723" sldId="357"/>
            <ac:picMk id="18" creationId="{7B6F4892-4140-BEFF-75D3-C650A7C56FD1}"/>
          </ac:picMkLst>
        </pc:picChg>
        <pc:extLst>
          <p:ext xmlns:p="http://schemas.openxmlformats.org/presentationml/2006/main" uri="{D6D511B9-2390-475A-947B-AFAB55BFBCF1}">
            <pc226:cmChg xmlns:pc226="http://schemas.microsoft.com/office/powerpoint/2022/06/main/command" chg="mod">
              <pc226:chgData name="Kirsten Svenja Wiebe" userId="742e689c-da8f-421e-9a39-ba48434e9a94" providerId="ADAL" clId="{85F5AF22-B9FD-46D0-A643-674FA9E86E50}" dt="2026-06-16T12:02:19.971" v="6216" actId="20577"/>
              <pc2:cmMkLst xmlns:pc2="http://schemas.microsoft.com/office/powerpoint/2019/9/main/command">
                <pc:docMk/>
                <pc:sldMk cId="3114725723" sldId="357"/>
                <pc2:cmMk id="{BB5F23B8-EC03-4AEB-9E69-856B9D815857}"/>
              </pc2:cmMkLst>
            </pc226:cmChg>
          </p:ext>
        </pc:extLst>
      </pc:sldChg>
      <pc:sldChg chg="addSp delSp modSp mod modClrScheme addAnim delAnim modAnim chgLayout">
        <pc:chgData name="Kirsten Svenja Wiebe" userId="742e689c-da8f-421e-9a39-ba48434e9a94" providerId="ADAL" clId="{85F5AF22-B9FD-46D0-A643-674FA9E86E50}" dt="2026-06-16T07:54:11.476" v="4384"/>
        <pc:sldMkLst>
          <pc:docMk/>
          <pc:sldMk cId="2137855841" sldId="358"/>
        </pc:sldMkLst>
        <pc:spChg chg="mod ord">
          <ac:chgData name="Kirsten Svenja Wiebe" userId="742e689c-da8f-421e-9a39-ba48434e9a94" providerId="ADAL" clId="{85F5AF22-B9FD-46D0-A643-674FA9E86E50}" dt="2026-06-16T07:15:32.919" v="3821" actId="700"/>
          <ac:spMkLst>
            <pc:docMk/>
            <pc:sldMk cId="2137855841" sldId="358"/>
            <ac:spMk id="2" creationId="{2EFF9580-F980-125C-246B-4C19707BC348}"/>
          </ac:spMkLst>
        </pc:spChg>
        <pc:spChg chg="mod ord">
          <ac:chgData name="Kirsten Svenja Wiebe" userId="742e689c-da8f-421e-9a39-ba48434e9a94" providerId="ADAL" clId="{85F5AF22-B9FD-46D0-A643-674FA9E86E50}" dt="2026-06-16T07:15:32.919" v="3821" actId="700"/>
          <ac:spMkLst>
            <pc:docMk/>
            <pc:sldMk cId="2137855841" sldId="358"/>
            <ac:spMk id="3" creationId="{3ED856D3-09D8-1861-9DF7-4AD3750A3417}"/>
          </ac:spMkLst>
        </pc:spChg>
        <pc:spChg chg="mod">
          <ac:chgData name="Kirsten Svenja Wiebe" userId="742e689c-da8f-421e-9a39-ba48434e9a94" providerId="ADAL" clId="{85F5AF22-B9FD-46D0-A643-674FA9E86E50}" dt="2026-06-16T07:11:56.979" v="3785" actId="113"/>
          <ac:spMkLst>
            <pc:docMk/>
            <pc:sldMk cId="2137855841" sldId="358"/>
            <ac:spMk id="13" creationId="{1E890D9D-C4AB-EE7F-F37D-798A5288290F}"/>
          </ac:spMkLst>
        </pc:spChg>
      </pc:sldChg>
      <pc:sldChg chg="modSp mod ord">
        <pc:chgData name="Kirsten Svenja Wiebe" userId="742e689c-da8f-421e-9a39-ba48434e9a94" providerId="ADAL" clId="{85F5AF22-B9FD-46D0-A643-674FA9E86E50}" dt="2026-06-16T08:35:34.831" v="4769" actId="20577"/>
        <pc:sldMkLst>
          <pc:docMk/>
          <pc:sldMk cId="591987072" sldId="359"/>
        </pc:sldMkLst>
        <pc:spChg chg="mod">
          <ac:chgData name="Kirsten Svenja Wiebe" userId="742e689c-da8f-421e-9a39-ba48434e9a94" providerId="ADAL" clId="{85F5AF22-B9FD-46D0-A643-674FA9E86E50}" dt="2026-06-16T08:35:34.831" v="4769" actId="20577"/>
          <ac:spMkLst>
            <pc:docMk/>
            <pc:sldMk cId="591987072" sldId="359"/>
            <ac:spMk id="2" creationId="{79F9E40C-C752-CDA4-843A-51C7569E83B1}"/>
          </ac:spMkLst>
        </pc:spChg>
      </pc:sldChg>
      <pc:sldChg chg="addSp delSp modSp mod">
        <pc:chgData name="Kirsten Svenja Wiebe" userId="742e689c-da8f-421e-9a39-ba48434e9a94" providerId="ADAL" clId="{85F5AF22-B9FD-46D0-A643-674FA9E86E50}" dt="2026-06-19T05:26:04.962" v="7561" actId="22"/>
        <pc:sldMkLst>
          <pc:docMk/>
          <pc:sldMk cId="756563796" sldId="361"/>
        </pc:sldMkLst>
        <pc:spChg chg="mod">
          <ac:chgData name="Kirsten Svenja Wiebe" userId="742e689c-da8f-421e-9a39-ba48434e9a94" providerId="ADAL" clId="{85F5AF22-B9FD-46D0-A643-674FA9E86E50}" dt="2026-06-16T06:21:53.056" v="2851" actId="313"/>
          <ac:spMkLst>
            <pc:docMk/>
            <pc:sldMk cId="756563796" sldId="361"/>
            <ac:spMk id="2" creationId="{01EF2E94-7819-A161-722C-EAD0D4803017}"/>
          </ac:spMkLst>
        </pc:spChg>
        <pc:picChg chg="add del">
          <ac:chgData name="Kirsten Svenja Wiebe" userId="742e689c-da8f-421e-9a39-ba48434e9a94" providerId="ADAL" clId="{85F5AF22-B9FD-46D0-A643-674FA9E86E50}" dt="2026-06-19T05:26:04.542" v="7560" actId="478"/>
          <ac:picMkLst>
            <pc:docMk/>
            <pc:sldMk cId="756563796" sldId="361"/>
            <ac:picMk id="5" creationId="{35568992-4044-E955-CDA3-D4EFD6AE34B5}"/>
          </ac:picMkLst>
        </pc:picChg>
        <pc:picChg chg="add">
          <ac:chgData name="Kirsten Svenja Wiebe" userId="742e689c-da8f-421e-9a39-ba48434e9a94" providerId="ADAL" clId="{85F5AF22-B9FD-46D0-A643-674FA9E86E50}" dt="2026-06-19T05:26:04.962" v="7561" actId="22"/>
          <ac:picMkLst>
            <pc:docMk/>
            <pc:sldMk cId="756563796" sldId="361"/>
            <ac:picMk id="9" creationId="{C893B129-D8B9-0295-FF33-9BE8788A98D5}"/>
          </ac:picMkLst>
        </pc:picChg>
      </pc:sldChg>
      <pc:sldChg chg="addSp delSp modSp new mod modClrScheme modShow chgLayout">
        <pc:chgData name="Kirsten Svenja Wiebe" userId="742e689c-da8f-421e-9a39-ba48434e9a94" providerId="ADAL" clId="{85F5AF22-B9FD-46D0-A643-674FA9E86E50}" dt="2026-06-16T06:51:20.646" v="3690" actId="729"/>
        <pc:sldMkLst>
          <pc:docMk/>
          <pc:sldMk cId="778485445" sldId="363"/>
        </pc:sldMkLst>
        <pc:spChg chg="mod ord">
          <ac:chgData name="Kirsten Svenja Wiebe" userId="742e689c-da8f-421e-9a39-ba48434e9a94" providerId="ADAL" clId="{85F5AF22-B9FD-46D0-A643-674FA9E86E50}" dt="2026-06-16T06:12:31.745" v="2492" actId="700"/>
          <ac:spMkLst>
            <pc:docMk/>
            <pc:sldMk cId="778485445" sldId="363"/>
            <ac:spMk id="2" creationId="{5303AF9A-16B6-21A2-3AAB-79CBA1452ED3}"/>
          </ac:spMkLst>
        </pc:spChg>
        <pc:spChg chg="mod ord">
          <ac:chgData name="Kirsten Svenja Wiebe" userId="742e689c-da8f-421e-9a39-ba48434e9a94" providerId="ADAL" clId="{85F5AF22-B9FD-46D0-A643-674FA9E86E50}" dt="2026-06-16T06:12:31.745" v="2492" actId="700"/>
          <ac:spMkLst>
            <pc:docMk/>
            <pc:sldMk cId="778485445" sldId="363"/>
            <ac:spMk id="3" creationId="{411A9AD1-86FE-B143-3E8D-11683B92DAC3}"/>
          </ac:spMkLst>
        </pc:spChg>
        <pc:picChg chg="add mod">
          <ac:chgData name="Kirsten Svenja Wiebe" userId="742e689c-da8f-421e-9a39-ba48434e9a94" providerId="ADAL" clId="{85F5AF22-B9FD-46D0-A643-674FA9E86E50}" dt="2026-06-16T06:25:34.140" v="2909" actId="1076"/>
          <ac:picMkLst>
            <pc:docMk/>
            <pc:sldMk cId="778485445" sldId="363"/>
            <ac:picMk id="8" creationId="{D4359398-3D7D-74F9-3716-7E4D2B39B506}"/>
          </ac:picMkLst>
        </pc:picChg>
      </pc:sldChg>
      <pc:sldChg chg="delSp modSp mod modAnim">
        <pc:chgData name="Kirsten Svenja Wiebe" userId="742e689c-da8f-421e-9a39-ba48434e9a94" providerId="ADAL" clId="{85F5AF22-B9FD-46D0-A643-674FA9E86E50}" dt="2026-06-19T05:22:27.684" v="7534"/>
        <pc:sldMkLst>
          <pc:docMk/>
          <pc:sldMk cId="2233033144" sldId="364"/>
        </pc:sldMkLst>
        <pc:spChg chg="mod">
          <ac:chgData name="Kirsten Svenja Wiebe" userId="742e689c-da8f-421e-9a39-ba48434e9a94" providerId="ADAL" clId="{85F5AF22-B9FD-46D0-A643-674FA9E86E50}" dt="2026-06-16T08:17:53.992" v="4716" actId="404"/>
          <ac:spMkLst>
            <pc:docMk/>
            <pc:sldMk cId="2233033144" sldId="364"/>
            <ac:spMk id="8" creationId="{8ED5CED6-F520-CFA5-DD88-926A4DD28012}"/>
          </ac:spMkLst>
        </pc:spChg>
        <pc:spChg chg="mod">
          <ac:chgData name="Kirsten Svenja Wiebe" userId="742e689c-da8f-421e-9a39-ba48434e9a94" providerId="ADAL" clId="{85F5AF22-B9FD-46D0-A643-674FA9E86E50}" dt="2026-06-16T08:18:39.173" v="4727" actId="20577"/>
          <ac:spMkLst>
            <pc:docMk/>
            <pc:sldMk cId="2233033144" sldId="364"/>
            <ac:spMk id="9" creationId="{30C05FE8-CA6A-FFF1-1A09-31EA99724D9E}"/>
          </ac:spMkLst>
        </pc:spChg>
        <pc:spChg chg="mod">
          <ac:chgData name="Kirsten Svenja Wiebe" userId="742e689c-da8f-421e-9a39-ba48434e9a94" providerId="ADAL" clId="{85F5AF22-B9FD-46D0-A643-674FA9E86E50}" dt="2026-06-16T08:17:23.720" v="4709" actId="20577"/>
          <ac:spMkLst>
            <pc:docMk/>
            <pc:sldMk cId="2233033144" sldId="364"/>
            <ac:spMk id="11" creationId="{36915056-A564-7134-765B-1770BA98062E}"/>
          </ac:spMkLst>
        </pc:spChg>
      </pc:sldChg>
      <pc:sldChg chg="mod modShow">
        <pc:chgData name="Kirsten Svenja Wiebe" userId="742e689c-da8f-421e-9a39-ba48434e9a94" providerId="ADAL" clId="{85F5AF22-B9FD-46D0-A643-674FA9E86E50}" dt="2026-06-16T08:14:33.722" v="4697" actId="729"/>
        <pc:sldMkLst>
          <pc:docMk/>
          <pc:sldMk cId="1191536465" sldId="365"/>
        </pc:sldMkLst>
      </pc:sldChg>
      <pc:sldChg chg="modSp mod">
        <pc:chgData name="Kirsten Svenja Wiebe" userId="742e689c-da8f-421e-9a39-ba48434e9a94" providerId="ADAL" clId="{85F5AF22-B9FD-46D0-A643-674FA9E86E50}" dt="2026-06-16T08:29:08.939" v="4757" actId="20577"/>
        <pc:sldMkLst>
          <pc:docMk/>
          <pc:sldMk cId="1900225666" sldId="368"/>
        </pc:sldMkLst>
        <pc:spChg chg="mod">
          <ac:chgData name="Kirsten Svenja Wiebe" userId="742e689c-da8f-421e-9a39-ba48434e9a94" providerId="ADAL" clId="{85F5AF22-B9FD-46D0-A643-674FA9E86E50}" dt="2026-06-16T08:29:08.939" v="4757" actId="20577"/>
          <ac:spMkLst>
            <pc:docMk/>
            <pc:sldMk cId="1900225666" sldId="368"/>
            <ac:spMk id="2" creationId="{A56E38EA-0495-6C0A-4706-EB5BDC6E1D31}"/>
          </ac:spMkLst>
        </pc:spChg>
      </pc:sldChg>
      <pc:sldChg chg="addSp delSp modSp new mod ord modAnim">
        <pc:chgData name="Kirsten Svenja Wiebe" userId="742e689c-da8f-421e-9a39-ba48434e9a94" providerId="ADAL" clId="{85F5AF22-B9FD-46D0-A643-674FA9E86E50}" dt="2026-06-16T12:02:48.470" v="6217"/>
        <pc:sldMkLst>
          <pc:docMk/>
          <pc:sldMk cId="1848094887" sldId="371"/>
        </pc:sldMkLst>
        <pc:spChg chg="mod">
          <ac:chgData name="Kirsten Svenja Wiebe" userId="742e689c-da8f-421e-9a39-ba48434e9a94" providerId="ADAL" clId="{85F5AF22-B9FD-46D0-A643-674FA9E86E50}" dt="2026-06-16T11:53:51.770" v="6141" actId="20577"/>
          <ac:spMkLst>
            <pc:docMk/>
            <pc:sldMk cId="1848094887" sldId="371"/>
            <ac:spMk id="2" creationId="{AA08BD2C-CE51-094B-F200-1E04FE0DB053}"/>
          </ac:spMkLst>
        </pc:spChg>
        <pc:spChg chg="mod">
          <ac:chgData name="Kirsten Svenja Wiebe" userId="742e689c-da8f-421e-9a39-ba48434e9a94" providerId="ADAL" clId="{85F5AF22-B9FD-46D0-A643-674FA9E86E50}" dt="2026-06-16T12:01:35.795" v="6177" actId="20577"/>
          <ac:spMkLst>
            <pc:docMk/>
            <pc:sldMk cId="1848094887" sldId="371"/>
            <ac:spMk id="3" creationId="{20E2EE57-DD03-F94D-116D-21B3EE65B2F0}"/>
          </ac:spMkLst>
        </pc:spChg>
        <pc:spChg chg="add mod">
          <ac:chgData name="Kirsten Svenja Wiebe" userId="742e689c-da8f-421e-9a39-ba48434e9a94" providerId="ADAL" clId="{85F5AF22-B9FD-46D0-A643-674FA9E86E50}" dt="2026-06-16T12:00:52.851" v="6149" actId="207"/>
          <ac:spMkLst>
            <pc:docMk/>
            <pc:sldMk cId="1848094887" sldId="371"/>
            <ac:spMk id="8" creationId="{82EB1148-67CC-85CF-DF2D-307271975FAD}"/>
          </ac:spMkLst>
        </pc:spChg>
        <pc:picChg chg="add mod">
          <ac:chgData name="Kirsten Svenja Wiebe" userId="742e689c-da8f-421e-9a39-ba48434e9a94" providerId="ADAL" clId="{85F5AF22-B9FD-46D0-A643-674FA9E86E50}" dt="2026-06-16T07:11:26.291" v="3781" actId="1076"/>
          <ac:picMkLst>
            <pc:docMk/>
            <pc:sldMk cId="1848094887" sldId="371"/>
            <ac:picMk id="6" creationId="{1B6BE3C6-1AC7-B453-D9DC-3BC8C77A0C8C}"/>
          </ac:picMkLst>
        </pc:picChg>
        <pc:picChg chg="add mod ord">
          <ac:chgData name="Kirsten Svenja Wiebe" userId="742e689c-da8f-421e-9a39-ba48434e9a94" providerId="ADAL" clId="{85F5AF22-B9FD-46D0-A643-674FA9E86E50}" dt="2026-06-16T07:10:14.023" v="3770" actId="1076"/>
          <ac:picMkLst>
            <pc:docMk/>
            <pc:sldMk cId="1848094887" sldId="371"/>
            <ac:picMk id="10" creationId="{15D39FD3-BCB9-7B00-E0A4-7F22151CF008}"/>
          </ac:picMkLst>
        </pc:picChg>
      </pc:sldChg>
      <pc:sldChg chg="addSp delSp modSp new mod ord">
        <pc:chgData name="Kirsten Svenja Wiebe" userId="742e689c-da8f-421e-9a39-ba48434e9a94" providerId="ADAL" clId="{85F5AF22-B9FD-46D0-A643-674FA9E86E50}" dt="2026-06-16T07:05:07.344" v="3759" actId="113"/>
        <pc:sldMkLst>
          <pc:docMk/>
          <pc:sldMk cId="842922803" sldId="372"/>
        </pc:sldMkLst>
        <pc:spChg chg="mod">
          <ac:chgData name="Kirsten Svenja Wiebe" userId="742e689c-da8f-421e-9a39-ba48434e9a94" providerId="ADAL" clId="{85F5AF22-B9FD-46D0-A643-674FA9E86E50}" dt="2026-06-16T06:13:45.867" v="2512" actId="20577"/>
          <ac:spMkLst>
            <pc:docMk/>
            <pc:sldMk cId="842922803" sldId="372"/>
            <ac:spMk id="2" creationId="{9C8101AB-612E-9591-5FDE-34F91964C84A}"/>
          </ac:spMkLst>
        </pc:spChg>
        <pc:spChg chg="mod">
          <ac:chgData name="Kirsten Svenja Wiebe" userId="742e689c-da8f-421e-9a39-ba48434e9a94" providerId="ADAL" clId="{85F5AF22-B9FD-46D0-A643-674FA9E86E50}" dt="2026-06-16T07:05:07.344" v="3759" actId="113"/>
          <ac:spMkLst>
            <pc:docMk/>
            <pc:sldMk cId="842922803" sldId="372"/>
            <ac:spMk id="3" creationId="{D90E9E26-0268-1A15-E311-3594E7864836}"/>
          </ac:spMkLst>
        </pc:spChg>
        <pc:picChg chg="add mod">
          <ac:chgData name="Kirsten Svenja Wiebe" userId="742e689c-da8f-421e-9a39-ba48434e9a94" providerId="ADAL" clId="{85F5AF22-B9FD-46D0-A643-674FA9E86E50}" dt="2026-06-16T06:19:49.642" v="2813" actId="1076"/>
          <ac:picMkLst>
            <pc:docMk/>
            <pc:sldMk cId="842922803" sldId="372"/>
            <ac:picMk id="6" creationId="{4468C2DD-F880-E5A3-4DD2-2F01E9718AF6}"/>
          </ac:picMkLst>
        </pc:picChg>
      </pc:sldChg>
      <pc:sldChg chg="addSp delSp modSp add mod ord addAnim delAnim modAnim">
        <pc:chgData name="Kirsten Svenja Wiebe" userId="742e689c-da8f-421e-9a39-ba48434e9a94" providerId="ADAL" clId="{85F5AF22-B9FD-46D0-A643-674FA9E86E50}" dt="2026-06-16T11:44:30.827" v="6063" actId="1076"/>
        <pc:sldMkLst>
          <pc:docMk/>
          <pc:sldMk cId="96939354" sldId="373"/>
        </pc:sldMkLst>
        <pc:spChg chg="mod">
          <ac:chgData name="Kirsten Svenja Wiebe" userId="742e689c-da8f-421e-9a39-ba48434e9a94" providerId="ADAL" clId="{85F5AF22-B9FD-46D0-A643-674FA9E86E50}" dt="2026-06-16T08:00:29.452" v="4524" actId="6549"/>
          <ac:spMkLst>
            <pc:docMk/>
            <pc:sldMk cId="96939354" sldId="373"/>
            <ac:spMk id="3" creationId="{C55354C9-513B-BCDA-A38F-FDACC0CE836F}"/>
          </ac:spMkLst>
        </pc:spChg>
        <pc:spChg chg="mod">
          <ac:chgData name="Kirsten Svenja Wiebe" userId="742e689c-da8f-421e-9a39-ba48434e9a94" providerId="ADAL" clId="{85F5AF22-B9FD-46D0-A643-674FA9E86E50}" dt="2026-06-16T08:04:11.992" v="4590" actId="20577"/>
          <ac:spMkLst>
            <pc:docMk/>
            <pc:sldMk cId="96939354" sldId="373"/>
            <ac:spMk id="4" creationId="{43D07E42-5EAC-9F79-99AD-CD4C4388DE85}"/>
          </ac:spMkLst>
        </pc:spChg>
        <pc:grpChg chg="add mod">
          <ac:chgData name="Kirsten Svenja Wiebe" userId="742e689c-da8f-421e-9a39-ba48434e9a94" providerId="ADAL" clId="{85F5AF22-B9FD-46D0-A643-674FA9E86E50}" dt="2026-06-16T11:44:30.827" v="6063" actId="1076"/>
          <ac:grpSpMkLst>
            <pc:docMk/>
            <pc:sldMk cId="96939354" sldId="373"/>
            <ac:grpSpMk id="14" creationId="{1FD51491-264C-5900-D52A-072DBF5266F2}"/>
          </ac:grpSpMkLst>
        </pc:grpChg>
        <pc:picChg chg="mod">
          <ac:chgData name="Kirsten Svenja Wiebe" userId="742e689c-da8f-421e-9a39-ba48434e9a94" providerId="ADAL" clId="{85F5AF22-B9FD-46D0-A643-674FA9E86E50}" dt="2026-06-16T11:44:22.894" v="6060" actId="1076"/>
          <ac:picMkLst>
            <pc:docMk/>
            <pc:sldMk cId="96939354" sldId="373"/>
            <ac:picMk id="15" creationId="{599D0158-2B85-B7EC-3672-FECE35E90B73}"/>
          </ac:picMkLst>
        </pc:picChg>
        <pc:picChg chg="mod">
          <ac:chgData name="Kirsten Svenja Wiebe" userId="742e689c-da8f-421e-9a39-ba48434e9a94" providerId="ADAL" clId="{85F5AF22-B9FD-46D0-A643-674FA9E86E50}" dt="2026-06-16T11:44:27.069" v="6062" actId="1076"/>
          <ac:picMkLst>
            <pc:docMk/>
            <pc:sldMk cId="96939354" sldId="373"/>
            <ac:picMk id="16" creationId="{43A59BC7-9755-4BFC-E9EC-16A43944D6F7}"/>
          </ac:picMkLst>
        </pc:picChg>
        <pc:picChg chg="mod">
          <ac:chgData name="Kirsten Svenja Wiebe" userId="742e689c-da8f-421e-9a39-ba48434e9a94" providerId="ADAL" clId="{85F5AF22-B9FD-46D0-A643-674FA9E86E50}" dt="2026-06-16T11:44:25.184" v="6061" actId="1076"/>
          <ac:picMkLst>
            <pc:docMk/>
            <pc:sldMk cId="96939354" sldId="373"/>
            <ac:picMk id="17" creationId="{590B3745-3F4B-ACC8-C58B-29AA4E0E16C4}"/>
          </ac:picMkLst>
        </pc:picChg>
      </pc:sldChg>
      <pc:sldChg chg="addSp delSp modSp new mod addAnim delAnim modAnim">
        <pc:chgData name="Kirsten Svenja Wiebe" userId="742e689c-da8f-421e-9a39-ba48434e9a94" providerId="ADAL" clId="{85F5AF22-B9FD-46D0-A643-674FA9E86E50}" dt="2026-06-19T05:24:00.961" v="7551" actId="1038"/>
        <pc:sldMkLst>
          <pc:docMk/>
          <pc:sldMk cId="3497905158" sldId="374"/>
        </pc:sldMkLst>
        <pc:spChg chg="mod">
          <ac:chgData name="Kirsten Svenja Wiebe" userId="742e689c-da8f-421e-9a39-ba48434e9a94" providerId="ADAL" clId="{85F5AF22-B9FD-46D0-A643-674FA9E86E50}" dt="2026-06-16T07:47:12.469" v="4322" actId="20577"/>
          <ac:spMkLst>
            <pc:docMk/>
            <pc:sldMk cId="3497905158" sldId="374"/>
            <ac:spMk id="2" creationId="{C4BDEFF0-4986-93F3-76F3-1840D9409D67}"/>
          </ac:spMkLst>
        </pc:spChg>
        <pc:spChg chg="mod">
          <ac:chgData name="Kirsten Svenja Wiebe" userId="742e689c-da8f-421e-9a39-ba48434e9a94" providerId="ADAL" clId="{85F5AF22-B9FD-46D0-A643-674FA9E86E50}" dt="2026-06-18T08:25:33.613" v="7532" actId="108"/>
          <ac:spMkLst>
            <pc:docMk/>
            <pc:sldMk cId="3497905158" sldId="374"/>
            <ac:spMk id="3" creationId="{3BD0B2ED-5CBE-5917-A4D7-E07C2E679EBD}"/>
          </ac:spMkLst>
        </pc:spChg>
        <pc:spChg chg="mod">
          <ac:chgData name="Kirsten Svenja Wiebe" userId="742e689c-da8f-421e-9a39-ba48434e9a94" providerId="ADAL" clId="{85F5AF22-B9FD-46D0-A643-674FA9E86E50}" dt="2026-06-16T12:07:25.359" v="6299" actId="14100"/>
          <ac:spMkLst>
            <pc:docMk/>
            <pc:sldMk cId="3497905158" sldId="374"/>
            <ac:spMk id="4" creationId="{2C8E536D-8DD9-1917-73D6-D36FCE28C2E7}"/>
          </ac:spMkLst>
        </pc:spChg>
        <pc:spChg chg="mod">
          <ac:chgData name="Kirsten Svenja Wiebe" userId="742e689c-da8f-421e-9a39-ba48434e9a94" providerId="ADAL" clId="{85F5AF22-B9FD-46D0-A643-674FA9E86E50}" dt="2026-06-16T11:54:37.577" v="6145" actId="207"/>
          <ac:spMkLst>
            <pc:docMk/>
            <pc:sldMk cId="3497905158" sldId="374"/>
            <ac:spMk id="12" creationId="{A0542044-56BF-2AF8-0FED-3716930EF989}"/>
          </ac:spMkLst>
        </pc:spChg>
        <pc:spChg chg="mod">
          <ac:chgData name="Kirsten Svenja Wiebe" userId="742e689c-da8f-421e-9a39-ba48434e9a94" providerId="ADAL" clId="{85F5AF22-B9FD-46D0-A643-674FA9E86E50}" dt="2026-06-16T11:52:10.219" v="6122" actId="1037"/>
          <ac:spMkLst>
            <pc:docMk/>
            <pc:sldMk cId="3497905158" sldId="374"/>
            <ac:spMk id="13" creationId="{69D62E70-C0D6-76E0-4389-49F028F23C25}"/>
          </ac:spMkLst>
        </pc:spChg>
        <pc:grpChg chg="add mod ord">
          <ac:chgData name="Kirsten Svenja Wiebe" userId="742e689c-da8f-421e-9a39-ba48434e9a94" providerId="ADAL" clId="{85F5AF22-B9FD-46D0-A643-674FA9E86E50}" dt="2026-06-16T11:52:22.392" v="6123" actId="167"/>
          <ac:grpSpMkLst>
            <pc:docMk/>
            <pc:sldMk cId="3497905158" sldId="374"/>
            <ac:grpSpMk id="10" creationId="{F48B9DD6-1EDE-BB47-9D30-7D9059BB3802}"/>
          </ac:grpSpMkLst>
        </pc:grpChg>
        <pc:picChg chg="add mod">
          <ac:chgData name="Kirsten Svenja Wiebe" userId="742e689c-da8f-421e-9a39-ba48434e9a94" providerId="ADAL" clId="{85F5AF22-B9FD-46D0-A643-674FA9E86E50}" dt="2026-06-19T05:23:34.361" v="7539" actId="1076"/>
          <ac:picMkLst>
            <pc:docMk/>
            <pc:sldMk cId="3497905158" sldId="374"/>
            <ac:picMk id="6" creationId="{DD31B3CA-E3D4-2705-AC15-C55D404C9C65}"/>
          </ac:picMkLst>
        </pc:picChg>
        <pc:picChg chg="add mod">
          <ac:chgData name="Kirsten Svenja Wiebe" userId="742e689c-da8f-421e-9a39-ba48434e9a94" providerId="ADAL" clId="{85F5AF22-B9FD-46D0-A643-674FA9E86E50}" dt="2026-06-19T05:24:00.961" v="7551" actId="1038"/>
          <ac:picMkLst>
            <pc:docMk/>
            <pc:sldMk cId="3497905158" sldId="374"/>
            <ac:picMk id="8" creationId="{1B533485-6B5E-BE3C-217A-BBB76CAACBA9}"/>
          </ac:picMkLst>
        </pc:picChg>
        <pc:picChg chg="mod">
          <ac:chgData name="Kirsten Svenja Wiebe" userId="742e689c-da8f-421e-9a39-ba48434e9a94" providerId="ADAL" clId="{85F5AF22-B9FD-46D0-A643-674FA9E86E50}" dt="2026-06-16T11:52:02.217" v="6118" actId="14100"/>
          <ac:picMkLst>
            <pc:docMk/>
            <pc:sldMk cId="3497905158" sldId="374"/>
            <ac:picMk id="11" creationId="{B9DBB016-9CE9-8C5A-2917-31F1E19010F9}"/>
          </ac:picMkLst>
        </pc:picChg>
      </pc:sldChg>
      <pc:sldChg chg="addSp delSp modSp new mod modClrScheme chgLayout">
        <pc:chgData name="Kirsten Svenja Wiebe" userId="742e689c-da8f-421e-9a39-ba48434e9a94" providerId="ADAL" clId="{85F5AF22-B9FD-46D0-A643-674FA9E86E50}" dt="2026-06-16T09:08:32.675" v="5222" actId="700"/>
        <pc:sldMkLst>
          <pc:docMk/>
          <pc:sldMk cId="3765818103" sldId="375"/>
        </pc:sldMkLst>
        <pc:spChg chg="add mod ord">
          <ac:chgData name="Kirsten Svenja Wiebe" userId="742e689c-da8f-421e-9a39-ba48434e9a94" providerId="ADAL" clId="{85F5AF22-B9FD-46D0-A643-674FA9E86E50}" dt="2026-06-16T09:08:32.675" v="5222" actId="700"/>
          <ac:spMkLst>
            <pc:docMk/>
            <pc:sldMk cId="3765818103" sldId="375"/>
            <ac:spMk id="8" creationId="{90CFF5CC-10FF-4155-33B2-F51ECEAB599A}"/>
          </ac:spMkLst>
        </pc:spChg>
      </pc:sldChg>
      <pc:sldChg chg="addSp delSp modSp new mod addAnim delAnim modAnim">
        <pc:chgData name="Kirsten Svenja Wiebe" userId="742e689c-da8f-421e-9a39-ba48434e9a94" providerId="ADAL" clId="{85F5AF22-B9FD-46D0-A643-674FA9E86E50}" dt="2026-06-16T12:04:29.456" v="6284" actId="1038"/>
        <pc:sldMkLst>
          <pc:docMk/>
          <pc:sldMk cId="1128662363" sldId="376"/>
        </pc:sldMkLst>
        <pc:spChg chg="add mo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6" creationId="{3EACAE49-28C4-31B6-266A-3DDE4FA8FA1B}"/>
          </ac:spMkLst>
        </pc:spChg>
        <pc:spChg chg="add mod">
          <ac:chgData name="Kirsten Svenja Wiebe" userId="742e689c-da8f-421e-9a39-ba48434e9a94" providerId="ADAL" clId="{85F5AF22-B9FD-46D0-A643-674FA9E86E50}" dt="2026-06-16T11:24:02.390" v="5777" actId="14100"/>
          <ac:spMkLst>
            <pc:docMk/>
            <pc:sldMk cId="1128662363" sldId="376"/>
            <ac:spMk id="8" creationId="{74CF02D7-84FF-248F-1A27-19276D6A2AFC}"/>
          </ac:spMkLst>
        </pc:spChg>
        <pc:spChg chg="add mod ord">
          <ac:chgData name="Kirsten Svenja Wiebe" userId="742e689c-da8f-421e-9a39-ba48434e9a94" providerId="ADAL" clId="{85F5AF22-B9FD-46D0-A643-674FA9E86E50}" dt="2026-06-16T11:35:08.245" v="5973" actId="1076"/>
          <ac:spMkLst>
            <pc:docMk/>
            <pc:sldMk cId="1128662363" sldId="376"/>
            <ac:spMk id="17" creationId="{4EE73911-469E-EFFB-5875-AC9F8314E009}"/>
          </ac:spMkLst>
        </pc:spChg>
        <pc:spChg chg="add mod">
          <ac:chgData name="Kirsten Svenja Wiebe" userId="742e689c-da8f-421e-9a39-ba48434e9a94" providerId="ADAL" clId="{85F5AF22-B9FD-46D0-A643-674FA9E86E50}" dt="2026-06-16T11:24:29.418" v="5797" actId="14100"/>
          <ac:spMkLst>
            <pc:docMk/>
            <pc:sldMk cId="1128662363" sldId="376"/>
            <ac:spMk id="21" creationId="{36570EE2-F0BC-6CAC-427A-BF06613E0943}"/>
          </ac:spMkLst>
        </pc:spChg>
        <pc:spChg chg="add mod">
          <ac:chgData name="Kirsten Svenja Wiebe" userId="742e689c-da8f-421e-9a39-ba48434e9a94" providerId="ADAL" clId="{85F5AF22-B9FD-46D0-A643-674FA9E86E50}" dt="2026-06-16T10:48:21.105" v="5471" actId="1582"/>
          <ac:spMkLst>
            <pc:docMk/>
            <pc:sldMk cId="1128662363" sldId="376"/>
            <ac:spMk id="29" creationId="{6008EBBD-ED01-05B9-4399-EF7B086BE9A8}"/>
          </ac:spMkLst>
        </pc:spChg>
        <pc:spChg chg="add mo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31" creationId="{4B0DBFB7-12E4-763C-2072-604B08FBD995}"/>
          </ac:spMkLst>
        </pc:spChg>
        <pc:spChg chg="add mod or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33" creationId="{947A6011-0038-DA9D-1D66-957F316AD421}"/>
          </ac:spMkLst>
        </pc:spChg>
        <pc:spChg chg="add mod">
          <ac:chgData name="Kirsten Svenja Wiebe" userId="742e689c-da8f-421e-9a39-ba48434e9a94" providerId="ADAL" clId="{85F5AF22-B9FD-46D0-A643-674FA9E86E50}" dt="2026-06-16T11:24:02.390" v="5777" actId="14100"/>
          <ac:spMkLst>
            <pc:docMk/>
            <pc:sldMk cId="1128662363" sldId="376"/>
            <ac:spMk id="35" creationId="{DC6359CF-2FEA-2093-3A3C-D5F693D85FCA}"/>
          </ac:spMkLst>
        </pc:spChg>
        <pc:spChg chg="add mod">
          <ac:chgData name="Kirsten Svenja Wiebe" userId="742e689c-da8f-421e-9a39-ba48434e9a94" providerId="ADAL" clId="{85F5AF22-B9FD-46D0-A643-674FA9E86E50}" dt="2026-06-16T10:53:45.556" v="5514" actId="14100"/>
          <ac:spMkLst>
            <pc:docMk/>
            <pc:sldMk cId="1128662363" sldId="376"/>
            <ac:spMk id="37" creationId="{CAE00DB1-B909-50E6-5EE2-0A39746BDAB8}"/>
          </ac:spMkLst>
        </pc:spChg>
        <pc:spChg chg="add mo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41" creationId="{C5293C54-6E7E-46EB-0515-6BE1FBA9C108}"/>
          </ac:spMkLst>
        </pc:spChg>
        <pc:spChg chg="add mo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43" creationId="{B9B7CD8F-6165-42A3-CB36-73B82052A007}"/>
          </ac:spMkLst>
        </pc:spChg>
        <pc:spChg chg="add mod">
          <ac:chgData name="Kirsten Svenja Wiebe" userId="742e689c-da8f-421e-9a39-ba48434e9a94" providerId="ADAL" clId="{85F5AF22-B9FD-46D0-A643-674FA9E86E50}" dt="2026-06-16T10:59:37.508" v="5565" actId="207"/>
          <ac:spMkLst>
            <pc:docMk/>
            <pc:sldMk cId="1128662363" sldId="376"/>
            <ac:spMk id="46" creationId="{F35F3113-D015-3777-7074-0DE53E64C819}"/>
          </ac:spMkLst>
        </pc:spChg>
        <pc:spChg chg="add mo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48" creationId="{16D4F8E3-3EFA-F6DB-FAEC-8FD846D088BB}"/>
          </ac:spMkLst>
        </pc:spChg>
        <pc:spChg chg="add mod topLvl">
          <ac:chgData name="Kirsten Svenja Wiebe" userId="742e689c-da8f-421e-9a39-ba48434e9a94" providerId="ADAL" clId="{85F5AF22-B9FD-46D0-A643-674FA9E86E50}" dt="2026-06-16T11:46:50.303" v="6087" actId="1076"/>
          <ac:spMkLst>
            <pc:docMk/>
            <pc:sldMk cId="1128662363" sldId="376"/>
            <ac:spMk id="53" creationId="{5C570FF3-E0E0-C3B0-3C24-C23E80EC6F03}"/>
          </ac:spMkLst>
        </pc:spChg>
        <pc:spChg chg="add mo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56" creationId="{B8994BED-667C-FEBF-60BF-DBBB6B350693}"/>
          </ac:spMkLst>
        </pc:spChg>
        <pc:spChg chg="add mo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58" creationId="{7103FDF3-0EE6-2F6C-AE26-184C0973C954}"/>
          </ac:spMkLst>
        </pc:spChg>
        <pc:spChg chg="add mod ord">
          <ac:chgData name="Kirsten Svenja Wiebe" userId="742e689c-da8f-421e-9a39-ba48434e9a94" providerId="ADAL" clId="{85F5AF22-B9FD-46D0-A643-674FA9E86E50}" dt="2026-06-16T11:23:45.612" v="5775" actId="1035"/>
          <ac:spMkLst>
            <pc:docMk/>
            <pc:sldMk cId="1128662363" sldId="376"/>
            <ac:spMk id="59" creationId="{EBC4BA26-26A6-68D9-37A4-4FCF4C3FAEF0}"/>
          </ac:spMkLst>
        </pc:spChg>
        <pc:spChg chg="add mo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63" creationId="{24D24DFC-9629-F3BB-6BEA-01AFC0233634}"/>
          </ac:spMkLst>
        </pc:spChg>
        <pc:spChg chg="add mod">
          <ac:chgData name="Kirsten Svenja Wiebe" userId="742e689c-da8f-421e-9a39-ba48434e9a94" providerId="ADAL" clId="{85F5AF22-B9FD-46D0-A643-674FA9E86E50}" dt="2026-06-16T12:04:29.456" v="6284" actId="1038"/>
          <ac:spMkLst>
            <pc:docMk/>
            <pc:sldMk cId="1128662363" sldId="376"/>
            <ac:spMk id="65" creationId="{EF3EB897-35F5-E286-BF3B-66D0E1153A1A}"/>
          </ac:spMkLst>
        </pc:spChg>
        <pc:spChg chg="add mod">
          <ac:chgData name="Kirsten Svenja Wiebe" userId="742e689c-da8f-421e-9a39-ba48434e9a94" providerId="ADAL" clId="{85F5AF22-B9FD-46D0-A643-674FA9E86E50}" dt="2026-06-16T12:04:14.725" v="6248" actId="20577"/>
          <ac:spMkLst>
            <pc:docMk/>
            <pc:sldMk cId="1128662363" sldId="376"/>
            <ac:spMk id="67" creationId="{EA182B65-4626-537B-9A44-83710197F88D}"/>
          </ac:spMkLst>
        </pc:spChg>
      </pc:sldChg>
      <pc:sldChg chg="addSp delSp modSp add mod modTransition addAnim delAnim modAnim">
        <pc:chgData name="Kirsten Svenja Wiebe" userId="742e689c-da8f-421e-9a39-ba48434e9a94" providerId="ADAL" clId="{85F5AF22-B9FD-46D0-A643-674FA9E86E50}" dt="2026-06-16T12:04:06.571" v="6237" actId="20577"/>
        <pc:sldMkLst>
          <pc:docMk/>
          <pc:sldMk cId="479332075" sldId="377"/>
        </pc:sldMkLst>
        <pc:spChg chg="add mod">
          <ac:chgData name="Kirsten Svenja Wiebe" userId="742e689c-da8f-421e-9a39-ba48434e9a94" providerId="ADAL" clId="{85F5AF22-B9FD-46D0-A643-674FA9E86E50}" dt="2026-06-16T11:31:57.632" v="5917" actId="1076"/>
          <ac:spMkLst>
            <pc:docMk/>
            <pc:sldMk cId="479332075" sldId="377"/>
            <ac:spMk id="3" creationId="{727F0B26-60D7-C13E-497C-AC5F82AE7578}"/>
          </ac:spMkLst>
        </pc:spChg>
        <pc:spChg chg="add mod">
          <ac:chgData name="Kirsten Svenja Wiebe" userId="742e689c-da8f-421e-9a39-ba48434e9a94" providerId="ADAL" clId="{85F5AF22-B9FD-46D0-A643-674FA9E86E50}" dt="2026-06-16T11:31:57.632" v="5917" actId="1076"/>
          <ac:spMkLst>
            <pc:docMk/>
            <pc:sldMk cId="479332075" sldId="377"/>
            <ac:spMk id="4" creationId="{CD91B4A3-4E6A-7F36-F375-778CAD2BFF95}"/>
          </ac:spMkLst>
        </pc:spChg>
        <pc:spChg chg="mod ord">
          <ac:chgData name="Kirsten Svenja Wiebe" userId="742e689c-da8f-421e-9a39-ba48434e9a94" providerId="ADAL" clId="{85F5AF22-B9FD-46D0-A643-674FA9E86E50}" dt="2026-06-16T11:39:35.084" v="6017" actId="166"/>
          <ac:spMkLst>
            <pc:docMk/>
            <pc:sldMk cId="479332075" sldId="377"/>
            <ac:spMk id="5" creationId="{ADF0E783-166B-01D0-1EF8-84EF2E4640E2}"/>
          </ac:spMkLst>
        </pc:spChg>
        <pc:spChg chg="mod">
          <ac:chgData name="Kirsten Svenja Wiebe" userId="742e689c-da8f-421e-9a39-ba48434e9a94" providerId="ADAL" clId="{85F5AF22-B9FD-46D0-A643-674FA9E86E50}" dt="2026-06-16T11:26:00.324" v="5818" actId="1076"/>
          <ac:spMkLst>
            <pc:docMk/>
            <pc:sldMk cId="479332075" sldId="377"/>
            <ac:spMk id="6" creationId="{8C6DCABD-E6D8-7C99-4F6E-6375826742D2}"/>
          </ac:spMkLst>
        </pc:spChg>
        <pc:spChg chg="mod">
          <ac:chgData name="Kirsten Svenja Wiebe" userId="742e689c-da8f-421e-9a39-ba48434e9a94" providerId="ADAL" clId="{85F5AF22-B9FD-46D0-A643-674FA9E86E50}" dt="2026-06-16T11:32:04.383" v="5942" actId="1035"/>
          <ac:spMkLst>
            <pc:docMk/>
            <pc:sldMk cId="479332075" sldId="377"/>
            <ac:spMk id="8" creationId="{81F9155F-36DA-EE2B-A8AB-49D98C2C3976}"/>
          </ac:spMkLst>
        </pc:spChg>
        <pc:spChg chg="add mod">
          <ac:chgData name="Kirsten Svenja Wiebe" userId="742e689c-da8f-421e-9a39-ba48434e9a94" providerId="ADAL" clId="{85F5AF22-B9FD-46D0-A643-674FA9E86E50}" dt="2026-06-16T11:31:57.632" v="5917" actId="1076"/>
          <ac:spMkLst>
            <pc:docMk/>
            <pc:sldMk cId="479332075" sldId="377"/>
            <ac:spMk id="11" creationId="{EB7C8BC4-D271-A7B5-33F1-2A972F2FDDB4}"/>
          </ac:spMkLst>
        </pc:spChg>
        <pc:spChg chg="ord">
          <ac:chgData name="Kirsten Svenja Wiebe" userId="742e689c-da8f-421e-9a39-ba48434e9a94" providerId="ADAL" clId="{85F5AF22-B9FD-46D0-A643-674FA9E86E50}" dt="2026-06-16T11:37:19.683" v="5988" actId="166"/>
          <ac:spMkLst>
            <pc:docMk/>
            <pc:sldMk cId="479332075" sldId="377"/>
            <ac:spMk id="13" creationId="{48DAE001-F6D2-9C1E-D205-30DE668D5AF9}"/>
          </ac:spMkLst>
        </pc:spChg>
        <pc:spChg chg="mod">
          <ac:chgData name="Kirsten Svenja Wiebe" userId="742e689c-da8f-421e-9a39-ba48434e9a94" providerId="ADAL" clId="{85F5AF22-B9FD-46D0-A643-674FA9E86E50}" dt="2026-06-16T11:31:57.632" v="5917" actId="1076"/>
          <ac:spMkLst>
            <pc:docMk/>
            <pc:sldMk cId="479332075" sldId="377"/>
            <ac:spMk id="14" creationId="{BF62BFF8-E93C-276E-EB3F-BCD1AC9CDB74}"/>
          </ac:spMkLst>
        </pc:spChg>
        <pc:spChg chg="add mod">
          <ac:chgData name="Kirsten Svenja Wiebe" userId="742e689c-da8f-421e-9a39-ba48434e9a94" providerId="ADAL" clId="{85F5AF22-B9FD-46D0-A643-674FA9E86E50}" dt="2026-06-16T11:31:57.632" v="5917" actId="1076"/>
          <ac:spMkLst>
            <pc:docMk/>
            <pc:sldMk cId="479332075" sldId="377"/>
            <ac:spMk id="15" creationId="{ED1F26A3-4E93-0146-3C2A-DF370B1900F5}"/>
          </ac:spMkLst>
        </pc:spChg>
        <pc:spChg chg="add mod ord">
          <ac:chgData name="Kirsten Svenja Wiebe" userId="742e689c-da8f-421e-9a39-ba48434e9a94" providerId="ADAL" clId="{85F5AF22-B9FD-46D0-A643-674FA9E86E50}" dt="2026-06-16T11:37:25.043" v="5989" actId="166"/>
          <ac:spMkLst>
            <pc:docMk/>
            <pc:sldMk cId="479332075" sldId="377"/>
            <ac:spMk id="16" creationId="{29F17671-E8A2-259B-1DD5-ECF20627816B}"/>
          </ac:spMkLst>
        </pc:spChg>
        <pc:spChg chg="mod">
          <ac:chgData name="Kirsten Svenja Wiebe" userId="742e689c-da8f-421e-9a39-ba48434e9a94" providerId="ADAL" clId="{85F5AF22-B9FD-46D0-A643-674FA9E86E50}" dt="2026-06-16T11:32:04.383" v="5942" actId="1035"/>
          <ac:spMkLst>
            <pc:docMk/>
            <pc:sldMk cId="479332075" sldId="377"/>
            <ac:spMk id="17" creationId="{A667852E-5DFD-A3AF-1E6F-B33B198A3E55}"/>
          </ac:spMkLst>
        </pc:spChg>
        <pc:spChg chg="add mod">
          <ac:chgData name="Kirsten Svenja Wiebe" userId="742e689c-da8f-421e-9a39-ba48434e9a94" providerId="ADAL" clId="{85F5AF22-B9FD-46D0-A643-674FA9E86E50}" dt="2026-06-16T11:31:57.632" v="5917" actId="1076"/>
          <ac:spMkLst>
            <pc:docMk/>
            <pc:sldMk cId="479332075" sldId="377"/>
            <ac:spMk id="18" creationId="{8F965EFD-6899-A62C-3B87-F8267C3BA7F2}"/>
          </ac:spMkLst>
        </pc:spChg>
        <pc:spChg chg="add mod">
          <ac:chgData name="Kirsten Svenja Wiebe" userId="742e689c-da8f-421e-9a39-ba48434e9a94" providerId="ADAL" clId="{85F5AF22-B9FD-46D0-A643-674FA9E86E50}" dt="2026-06-16T11:31:57.632" v="5917" actId="1076"/>
          <ac:spMkLst>
            <pc:docMk/>
            <pc:sldMk cId="479332075" sldId="377"/>
            <ac:spMk id="19" creationId="{2AABF146-7A39-A2A5-56EF-5CC1125E83FE}"/>
          </ac:spMkLst>
        </pc:spChg>
        <pc:spChg chg="mod">
          <ac:chgData name="Kirsten Svenja Wiebe" userId="742e689c-da8f-421e-9a39-ba48434e9a94" providerId="ADAL" clId="{85F5AF22-B9FD-46D0-A643-674FA9E86E50}" dt="2026-06-16T11:32:04.383" v="5942" actId="1035"/>
          <ac:spMkLst>
            <pc:docMk/>
            <pc:sldMk cId="479332075" sldId="377"/>
            <ac:spMk id="21" creationId="{A3D5419A-174F-72BF-61AC-B726432CEB8F}"/>
          </ac:spMkLst>
        </pc:spChg>
        <pc:spChg chg="mod topLvl">
          <ac:chgData name="Kirsten Svenja Wiebe" userId="742e689c-da8f-421e-9a39-ba48434e9a94" providerId="ADAL" clId="{85F5AF22-B9FD-46D0-A643-674FA9E86E50}" dt="2026-06-16T11:33:20.225" v="5954" actId="1076"/>
          <ac:spMkLst>
            <pc:docMk/>
            <pc:sldMk cId="479332075" sldId="377"/>
            <ac:spMk id="22" creationId="{8C86163D-7C45-33E9-03BE-4B0830A62CF2}"/>
          </ac:spMkLst>
        </pc:spChg>
        <pc:spChg chg="mod topLvl">
          <ac:chgData name="Kirsten Svenja Wiebe" userId="742e689c-da8f-421e-9a39-ba48434e9a94" providerId="ADAL" clId="{85F5AF22-B9FD-46D0-A643-674FA9E86E50}" dt="2026-06-16T11:33:41.136" v="5961" actId="1076"/>
          <ac:spMkLst>
            <pc:docMk/>
            <pc:sldMk cId="479332075" sldId="377"/>
            <ac:spMk id="23" creationId="{DFC65FCC-394B-47DC-8B67-F3D220480632}"/>
          </ac:spMkLst>
        </pc:spChg>
        <pc:spChg chg="add mod ord">
          <ac:chgData name="Kirsten Svenja Wiebe" userId="742e689c-da8f-421e-9a39-ba48434e9a94" providerId="ADAL" clId="{85F5AF22-B9FD-46D0-A643-674FA9E86E50}" dt="2026-06-16T11:39:45.492" v="6030" actId="166"/>
          <ac:spMkLst>
            <pc:docMk/>
            <pc:sldMk cId="479332075" sldId="377"/>
            <ac:spMk id="24" creationId="{7ED47D8A-CC7B-10A8-48ED-833EAA17C99F}"/>
          </ac:spMkLst>
        </pc:spChg>
        <pc:spChg chg="add mod">
          <ac:chgData name="Kirsten Svenja Wiebe" userId="742e689c-da8f-421e-9a39-ba48434e9a94" providerId="ADAL" clId="{85F5AF22-B9FD-46D0-A643-674FA9E86E50}" dt="2026-06-16T11:31:57.632" v="5917" actId="1076"/>
          <ac:spMkLst>
            <pc:docMk/>
            <pc:sldMk cId="479332075" sldId="377"/>
            <ac:spMk id="25" creationId="{C07FBDAF-6EB7-2221-105A-9F6617F3ECE1}"/>
          </ac:spMkLst>
        </pc:spChg>
        <pc:spChg chg="add mod">
          <ac:chgData name="Kirsten Svenja Wiebe" userId="742e689c-da8f-421e-9a39-ba48434e9a94" providerId="ADAL" clId="{85F5AF22-B9FD-46D0-A643-674FA9E86E50}" dt="2026-06-16T11:34:15.151" v="5965" actId="1076"/>
          <ac:spMkLst>
            <pc:docMk/>
            <pc:sldMk cId="479332075" sldId="377"/>
            <ac:spMk id="27" creationId="{AC40F921-05D5-B1B7-65C9-CB1A9DE970DD}"/>
          </ac:spMkLst>
        </pc:spChg>
        <pc:spChg chg="mod">
          <ac:chgData name="Kirsten Svenja Wiebe" userId="742e689c-da8f-421e-9a39-ba48434e9a94" providerId="ADAL" clId="{85F5AF22-B9FD-46D0-A643-674FA9E86E50}" dt="2026-06-16T11:32:04.383" v="5942" actId="1035"/>
          <ac:spMkLst>
            <pc:docMk/>
            <pc:sldMk cId="479332075" sldId="377"/>
            <ac:spMk id="29" creationId="{0E76A06B-0B9D-A838-DA33-DA7CA9FE98CB}"/>
          </ac:spMkLst>
        </pc:spChg>
        <pc:spChg chg="add mod">
          <ac:chgData name="Kirsten Svenja Wiebe" userId="742e689c-da8f-421e-9a39-ba48434e9a94" providerId="ADAL" clId="{85F5AF22-B9FD-46D0-A643-674FA9E86E50}" dt="2026-06-16T11:34:39.191" v="5970" actId="1076"/>
          <ac:spMkLst>
            <pc:docMk/>
            <pc:sldMk cId="479332075" sldId="377"/>
            <ac:spMk id="30" creationId="{48E51BBE-5D06-F975-0833-A85652194745}"/>
          </ac:spMkLst>
        </pc:spChg>
        <pc:spChg chg="mod">
          <ac:chgData name="Kirsten Svenja Wiebe" userId="742e689c-da8f-421e-9a39-ba48434e9a94" providerId="ADAL" clId="{85F5AF22-B9FD-46D0-A643-674FA9E86E50}" dt="2026-06-16T11:32:04.383" v="5942" actId="1035"/>
          <ac:spMkLst>
            <pc:docMk/>
            <pc:sldMk cId="479332075" sldId="377"/>
            <ac:spMk id="31" creationId="{1683B258-7CCF-D3F7-69F5-49319A3E43C9}"/>
          </ac:spMkLst>
        </pc:spChg>
        <pc:spChg chg="mod">
          <ac:chgData name="Kirsten Svenja Wiebe" userId="742e689c-da8f-421e-9a39-ba48434e9a94" providerId="ADAL" clId="{85F5AF22-B9FD-46D0-A643-674FA9E86E50}" dt="2026-06-16T11:32:04.383" v="5942" actId="1035"/>
          <ac:spMkLst>
            <pc:docMk/>
            <pc:sldMk cId="479332075" sldId="377"/>
            <ac:spMk id="33" creationId="{348CE7DD-8A36-3280-FE62-237250ED907E}"/>
          </ac:spMkLst>
        </pc:spChg>
        <pc:spChg chg="add mod">
          <ac:chgData name="Kirsten Svenja Wiebe" userId="742e689c-da8f-421e-9a39-ba48434e9a94" providerId="ADAL" clId="{85F5AF22-B9FD-46D0-A643-674FA9E86E50}" dt="2026-06-16T11:37:11.626" v="5986" actId="1076"/>
          <ac:spMkLst>
            <pc:docMk/>
            <pc:sldMk cId="479332075" sldId="377"/>
            <ac:spMk id="34" creationId="{9A54DE86-6E39-7A24-2502-929178CD49C3}"/>
          </ac:spMkLst>
        </pc:spChg>
        <pc:spChg chg="mod ord">
          <ac:chgData name="Kirsten Svenja Wiebe" userId="742e689c-da8f-421e-9a39-ba48434e9a94" providerId="ADAL" clId="{85F5AF22-B9FD-46D0-A643-674FA9E86E50}" dt="2026-06-16T11:33:50.696" v="5962" actId="166"/>
          <ac:spMkLst>
            <pc:docMk/>
            <pc:sldMk cId="479332075" sldId="377"/>
            <ac:spMk id="35" creationId="{F101590B-61BD-9D29-98A9-28741095D132}"/>
          </ac:spMkLst>
        </pc:spChg>
        <pc:spChg chg="mod">
          <ac:chgData name="Kirsten Svenja Wiebe" userId="742e689c-da8f-421e-9a39-ba48434e9a94" providerId="ADAL" clId="{85F5AF22-B9FD-46D0-A643-674FA9E86E50}" dt="2026-06-16T11:32:04.383" v="5942" actId="1035"/>
          <ac:spMkLst>
            <pc:docMk/>
            <pc:sldMk cId="479332075" sldId="377"/>
            <ac:spMk id="37" creationId="{F45B3618-981D-4E8B-B493-C2DAFE9B018C}"/>
          </ac:spMkLst>
        </pc:spChg>
        <pc:spChg chg="add mod">
          <ac:chgData name="Kirsten Svenja Wiebe" userId="742e689c-da8f-421e-9a39-ba48434e9a94" providerId="ADAL" clId="{85F5AF22-B9FD-46D0-A643-674FA9E86E50}" dt="2026-06-16T11:37:11.626" v="5986" actId="1076"/>
          <ac:spMkLst>
            <pc:docMk/>
            <pc:sldMk cId="479332075" sldId="377"/>
            <ac:spMk id="38" creationId="{B8C7B399-8907-E8BC-813A-C5B24762A58E}"/>
          </ac:spMkLst>
        </pc:spChg>
        <pc:spChg chg="mod">
          <ac:chgData name="Kirsten Svenja Wiebe" userId="742e689c-da8f-421e-9a39-ba48434e9a94" providerId="ADAL" clId="{85F5AF22-B9FD-46D0-A643-674FA9E86E50}" dt="2026-06-16T11:31:00.136" v="5905" actId="14100"/>
          <ac:spMkLst>
            <pc:docMk/>
            <pc:sldMk cId="479332075" sldId="377"/>
            <ac:spMk id="41" creationId="{DB6F0FEF-1E46-4D36-7107-D23C12016719}"/>
          </ac:spMkLst>
        </pc:spChg>
        <pc:spChg chg="mod ord">
          <ac:chgData name="Kirsten Svenja Wiebe" userId="742e689c-da8f-421e-9a39-ba48434e9a94" providerId="ADAL" clId="{85F5AF22-B9FD-46D0-A643-674FA9E86E50}" dt="2026-06-16T11:33:55.147" v="5963" actId="166"/>
          <ac:spMkLst>
            <pc:docMk/>
            <pc:sldMk cId="479332075" sldId="377"/>
            <ac:spMk id="43" creationId="{BE67E137-7873-1931-5995-A307A33E08A5}"/>
          </ac:spMkLst>
        </pc:spChg>
        <pc:spChg chg="add mod">
          <ac:chgData name="Kirsten Svenja Wiebe" userId="742e689c-da8f-421e-9a39-ba48434e9a94" providerId="ADAL" clId="{85F5AF22-B9FD-46D0-A643-674FA9E86E50}" dt="2026-06-16T12:04:06.571" v="6237" actId="20577"/>
          <ac:spMkLst>
            <pc:docMk/>
            <pc:sldMk cId="479332075" sldId="377"/>
            <ac:spMk id="44" creationId="{561315D3-D40D-9456-36AF-3AF4BD48FAE5}"/>
          </ac:spMkLst>
        </pc:spChg>
        <pc:spChg chg="mod">
          <ac:chgData name="Kirsten Svenja Wiebe" userId="742e689c-da8f-421e-9a39-ba48434e9a94" providerId="ADAL" clId="{85F5AF22-B9FD-46D0-A643-674FA9E86E50}" dt="2026-06-16T11:32:04.383" v="5942" actId="1035"/>
          <ac:spMkLst>
            <pc:docMk/>
            <pc:sldMk cId="479332075" sldId="377"/>
            <ac:spMk id="46" creationId="{6373AC4E-C618-A017-27CD-C5309E705C89}"/>
          </ac:spMkLst>
        </pc:spChg>
        <pc:spChg chg="mod">
          <ac:chgData name="Kirsten Svenja Wiebe" userId="742e689c-da8f-421e-9a39-ba48434e9a94" providerId="ADAL" clId="{85F5AF22-B9FD-46D0-A643-674FA9E86E50}" dt="2026-06-16T11:29:44.762" v="5874" actId="1076"/>
          <ac:spMkLst>
            <pc:docMk/>
            <pc:sldMk cId="479332075" sldId="377"/>
            <ac:spMk id="48" creationId="{42FBC869-8F50-54A9-DE67-95706E5B6F29}"/>
          </ac:spMkLst>
        </pc:spChg>
        <pc:spChg chg="mod">
          <ac:chgData name="Kirsten Svenja Wiebe" userId="742e689c-da8f-421e-9a39-ba48434e9a94" providerId="ADAL" clId="{85F5AF22-B9FD-46D0-A643-674FA9E86E50}" dt="2026-06-16T11:36:18.425" v="5981" actId="207"/>
          <ac:spMkLst>
            <pc:docMk/>
            <pc:sldMk cId="479332075" sldId="377"/>
            <ac:spMk id="56" creationId="{B23F7DED-13F7-93BE-8BD2-1F847BB99DDA}"/>
          </ac:spMkLst>
        </pc:spChg>
        <pc:spChg chg="mod">
          <ac:chgData name="Kirsten Svenja Wiebe" userId="742e689c-da8f-421e-9a39-ba48434e9a94" providerId="ADAL" clId="{85F5AF22-B9FD-46D0-A643-674FA9E86E50}" dt="2026-06-16T11:32:04.383" v="5942" actId="1035"/>
          <ac:spMkLst>
            <pc:docMk/>
            <pc:sldMk cId="479332075" sldId="377"/>
            <ac:spMk id="58" creationId="{0FA51032-CF27-965C-07E9-3CE215B6A658}"/>
          </ac:spMkLst>
        </pc:spChg>
        <pc:spChg chg="mod">
          <ac:chgData name="Kirsten Svenja Wiebe" userId="742e689c-da8f-421e-9a39-ba48434e9a94" providerId="ADAL" clId="{85F5AF22-B9FD-46D0-A643-674FA9E86E50}" dt="2026-06-16T11:30:52.968" v="5903" actId="14100"/>
          <ac:spMkLst>
            <pc:docMk/>
            <pc:sldMk cId="479332075" sldId="377"/>
            <ac:spMk id="59" creationId="{FAAD2A17-E2F2-F8E6-CA65-4F19D6B21983}"/>
          </ac:spMkLst>
        </pc:spChg>
      </pc:sldChg>
      <pc:sldChg chg="addSp delSp modSp new mod ord modAnim">
        <pc:chgData name="Kirsten Svenja Wiebe" userId="742e689c-da8f-421e-9a39-ba48434e9a94" providerId="ADAL" clId="{85F5AF22-B9FD-46D0-A643-674FA9E86E50}" dt="2026-06-17T08:42:33.497" v="6603"/>
        <pc:sldMkLst>
          <pc:docMk/>
          <pc:sldMk cId="2730203341" sldId="378"/>
        </pc:sldMkLst>
        <pc:spChg chg="add mod ord">
          <ac:chgData name="Kirsten Svenja Wiebe" userId="742e689c-da8f-421e-9a39-ba48434e9a94" providerId="ADAL" clId="{85F5AF22-B9FD-46D0-A643-674FA9E86E50}" dt="2026-06-17T08:40:06.799" v="6570" actId="207"/>
          <ac:spMkLst>
            <pc:docMk/>
            <pc:sldMk cId="2730203341" sldId="378"/>
            <ac:spMk id="9" creationId="{B0622AED-CA15-AA66-4D3C-B1534F2531CE}"/>
          </ac:spMkLst>
        </pc:spChg>
        <pc:spChg chg="add mod">
          <ac:chgData name="Kirsten Svenja Wiebe" userId="742e689c-da8f-421e-9a39-ba48434e9a94" providerId="ADAL" clId="{85F5AF22-B9FD-46D0-A643-674FA9E86E50}" dt="2026-06-17T08:42:18.868" v="6601" actId="1036"/>
          <ac:spMkLst>
            <pc:docMk/>
            <pc:sldMk cId="2730203341" sldId="378"/>
            <ac:spMk id="15" creationId="{B2B4B736-2DF2-22E3-D11F-CD118639BACF}"/>
          </ac:spMkLst>
        </pc:spChg>
        <pc:picChg chg="add mod">
          <ac:chgData name="Kirsten Svenja Wiebe" userId="742e689c-da8f-421e-9a39-ba48434e9a94" providerId="ADAL" clId="{85F5AF22-B9FD-46D0-A643-674FA9E86E50}" dt="2026-06-17T08:39:44.862" v="6565" actId="1076"/>
          <ac:picMkLst>
            <pc:docMk/>
            <pc:sldMk cId="2730203341" sldId="378"/>
            <ac:picMk id="11" creationId="{E438DC18-94E4-74C6-98B4-634351C46B47}"/>
          </ac:picMkLst>
        </pc:picChg>
        <pc:picChg chg="add mod">
          <ac:chgData name="Kirsten Svenja Wiebe" userId="742e689c-da8f-421e-9a39-ba48434e9a94" providerId="ADAL" clId="{85F5AF22-B9FD-46D0-A643-674FA9E86E50}" dt="2026-06-17T08:42:22.080" v="6602" actId="14100"/>
          <ac:picMkLst>
            <pc:docMk/>
            <pc:sldMk cId="2730203341" sldId="378"/>
            <ac:picMk id="13" creationId="{C8423CA8-21D6-10DE-D98A-DE91621BAD4A}"/>
          </ac:picMkLst>
        </pc:picChg>
      </pc:sldChg>
      <pc:sldChg chg="addSp delSp modSp add mod modAnim">
        <pc:chgData name="Kirsten Svenja Wiebe" userId="742e689c-da8f-421e-9a39-ba48434e9a94" providerId="ADAL" clId="{85F5AF22-B9FD-46D0-A643-674FA9E86E50}" dt="2026-06-17T11:23:03.432" v="7001" actId="207"/>
        <pc:sldMkLst>
          <pc:docMk/>
          <pc:sldMk cId="2169356124" sldId="379"/>
        </pc:sldMkLst>
        <pc:spChg chg="add mod">
          <ac:chgData name="Kirsten Svenja Wiebe" userId="742e689c-da8f-421e-9a39-ba48434e9a94" providerId="ADAL" clId="{85F5AF22-B9FD-46D0-A643-674FA9E86E50}" dt="2026-06-17T11:18:56.999" v="6964" actId="13822"/>
          <ac:spMkLst>
            <pc:docMk/>
            <pc:sldMk cId="2169356124" sldId="379"/>
            <ac:spMk id="2" creationId="{744C663D-F728-B477-9DCC-EB6523C3AC69}"/>
          </ac:spMkLst>
        </pc:spChg>
        <pc:spChg chg="mod">
          <ac:chgData name="Kirsten Svenja Wiebe" userId="742e689c-da8f-421e-9a39-ba48434e9a94" providerId="ADAL" clId="{85F5AF22-B9FD-46D0-A643-674FA9E86E50}" dt="2026-06-17T11:15:46.797" v="6776" actId="14100"/>
          <ac:spMkLst>
            <pc:docMk/>
            <pc:sldMk cId="2169356124" sldId="379"/>
            <ac:spMk id="4" creationId="{CF66F1CB-3F80-F8EF-69BA-C42DBA8FA7DB}"/>
          </ac:spMkLst>
        </pc:spChg>
        <pc:spChg chg="add mod">
          <ac:chgData name="Kirsten Svenja Wiebe" userId="742e689c-da8f-421e-9a39-ba48434e9a94" providerId="ADAL" clId="{85F5AF22-B9FD-46D0-A643-674FA9E86E50}" dt="2026-06-17T11:23:03.432" v="7001" actId="207"/>
          <ac:spMkLst>
            <pc:docMk/>
            <pc:sldMk cId="2169356124" sldId="379"/>
            <ac:spMk id="15" creationId="{E1BBCE27-28CE-65B4-6F84-E8EAB55F216B}"/>
          </ac:spMkLst>
        </pc:spChg>
      </pc:sldChg>
      <pc:sldChg chg="addSp delSp modSp new mod">
        <pc:chgData name="Kirsten Svenja Wiebe" userId="742e689c-da8f-421e-9a39-ba48434e9a94" providerId="ADAL" clId="{85F5AF22-B9FD-46D0-A643-674FA9E86E50}" dt="2026-06-19T05:23:17.095" v="7537" actId="22"/>
        <pc:sldMkLst>
          <pc:docMk/>
          <pc:sldMk cId="458324529" sldId="380"/>
        </pc:sldMkLst>
        <pc:spChg chg="mod">
          <ac:chgData name="Kirsten Svenja Wiebe" userId="742e689c-da8f-421e-9a39-ba48434e9a94" providerId="ADAL" clId="{85F5AF22-B9FD-46D0-A643-674FA9E86E50}" dt="2026-06-18T08:18:11.496" v="7086" actId="20577"/>
          <ac:spMkLst>
            <pc:docMk/>
            <pc:sldMk cId="458324529" sldId="380"/>
            <ac:spMk id="2" creationId="{47798DF1-17B0-033C-FC66-CC54D60F5DCF}"/>
          </ac:spMkLst>
        </pc:spChg>
        <pc:spChg chg="mod">
          <ac:chgData name="Kirsten Svenja Wiebe" userId="742e689c-da8f-421e-9a39-ba48434e9a94" providerId="ADAL" clId="{85F5AF22-B9FD-46D0-A643-674FA9E86E50}" dt="2026-06-19T05:22:57.029" v="7535" actId="20577"/>
          <ac:spMkLst>
            <pc:docMk/>
            <pc:sldMk cId="458324529" sldId="380"/>
            <ac:spMk id="3" creationId="{B3228DD4-D817-BE4C-F50B-DA640EDF3EF6}"/>
          </ac:spMkLst>
        </pc:spChg>
        <pc:spChg chg="mod">
          <ac:chgData name="Kirsten Svenja Wiebe" userId="742e689c-da8f-421e-9a39-ba48434e9a94" providerId="ADAL" clId="{85F5AF22-B9FD-46D0-A643-674FA9E86E50}" dt="2026-06-19T05:21:13.491" v="7533" actId="13926"/>
          <ac:spMkLst>
            <pc:docMk/>
            <pc:sldMk cId="458324529" sldId="380"/>
            <ac:spMk id="4" creationId="{72666784-DE87-5F70-8E6C-7A2C032EE8D9}"/>
          </ac:spMkLst>
        </pc:spChg>
        <pc:spChg chg="del">
          <ac:chgData name="Kirsten Svenja Wiebe" userId="742e689c-da8f-421e-9a39-ba48434e9a94" providerId="ADAL" clId="{85F5AF22-B9FD-46D0-A643-674FA9E86E50}" dt="2026-06-19T05:23:07.681" v="7536" actId="478"/>
          <ac:spMkLst>
            <pc:docMk/>
            <pc:sldMk cId="458324529" sldId="380"/>
            <ac:spMk id="5" creationId="{368D163A-F39C-4567-ECE8-62B2822EE8E2}"/>
          </ac:spMkLst>
        </pc:spChg>
        <pc:picChg chg="add">
          <ac:chgData name="Kirsten Svenja Wiebe" userId="742e689c-da8f-421e-9a39-ba48434e9a94" providerId="ADAL" clId="{85F5AF22-B9FD-46D0-A643-674FA9E86E50}" dt="2026-06-19T05:23:17.095" v="7537" actId="22"/>
          <ac:picMkLst>
            <pc:docMk/>
            <pc:sldMk cId="458324529" sldId="380"/>
            <ac:picMk id="7" creationId="{76EE8B38-62E0-4BD2-4FC3-358C520137DB}"/>
          </ac:picMkLst>
        </pc:picChg>
      </pc:sldChg>
    </pc:docChg>
  </pc:docChgLst>
  <pc:docChgLst>
    <pc:chgData name="LHUILLIER Nicolas" userId="S::nicolas.lhuillier_rte-france.com#ext#@sintef.onmicrosoft.com::90231e90-2fd2-4cb6-b1f7-171ef6d1c433" providerId="AD" clId="Web-{06A02946-2BF6-E8AE-1DC7-98BFC0BF26F8}"/>
    <pc:docChg chg="modSld">
      <pc:chgData name="LHUILLIER Nicolas" userId="S::nicolas.lhuillier_rte-france.com#ext#@sintef.onmicrosoft.com::90231e90-2fd2-4cb6-b1f7-171ef6d1c433" providerId="AD" clId="Web-{06A02946-2BF6-E8AE-1DC7-98BFC0BF26F8}" dt="2026-06-18T15:08:26.204" v="8" actId="1076"/>
      <pc:docMkLst>
        <pc:docMk/>
      </pc:docMkLst>
      <pc:sldChg chg="addSp modSp">
        <pc:chgData name="LHUILLIER Nicolas" userId="S::nicolas.lhuillier_rte-france.com#ext#@sintef.onmicrosoft.com::90231e90-2fd2-4cb6-b1f7-171ef6d1c433" providerId="AD" clId="Web-{06A02946-2BF6-E8AE-1DC7-98BFC0BF26F8}" dt="2026-06-18T15:08:09.532" v="3" actId="1076"/>
        <pc:sldMkLst>
          <pc:docMk/>
          <pc:sldMk cId="2233033144" sldId="364"/>
        </pc:sldMkLst>
        <pc:picChg chg="add mod">
          <ac:chgData name="LHUILLIER Nicolas" userId="S::nicolas.lhuillier_rte-france.com#ext#@sintef.onmicrosoft.com::90231e90-2fd2-4cb6-b1f7-171ef6d1c433" providerId="AD" clId="Web-{06A02946-2BF6-E8AE-1DC7-98BFC0BF26F8}" dt="2026-06-18T15:08:09.532" v="3" actId="1076"/>
          <ac:picMkLst>
            <pc:docMk/>
            <pc:sldMk cId="2233033144" sldId="364"/>
            <ac:picMk id="4" creationId="{AA02BA30-17D1-E688-BAA2-5D4D2605B2E0}"/>
          </ac:picMkLst>
        </pc:picChg>
      </pc:sldChg>
      <pc:sldChg chg="addSp modSp">
        <pc:chgData name="LHUILLIER Nicolas" userId="S::nicolas.lhuillier_rte-france.com#ext#@sintef.onmicrosoft.com::90231e90-2fd2-4cb6-b1f7-171ef6d1c433" providerId="AD" clId="Web-{06A02946-2BF6-E8AE-1DC7-98BFC0BF26F8}" dt="2026-06-18T15:08:26.204" v="8" actId="1076"/>
        <pc:sldMkLst>
          <pc:docMk/>
          <pc:sldMk cId="1900225666" sldId="368"/>
        </pc:sldMkLst>
        <pc:picChg chg="add mod">
          <ac:chgData name="LHUILLIER Nicolas" userId="S::nicolas.lhuillier_rte-france.com#ext#@sintef.onmicrosoft.com::90231e90-2fd2-4cb6-b1f7-171ef6d1c433" providerId="AD" clId="Web-{06A02946-2BF6-E8AE-1DC7-98BFC0BF26F8}" dt="2026-06-18T15:08:26.204" v="8" actId="1076"/>
          <ac:picMkLst>
            <pc:docMk/>
            <pc:sldMk cId="1900225666" sldId="368"/>
            <ac:picMk id="4" creationId="{F148076D-85CB-0764-9A5F-13C38601B787}"/>
          </ac:picMkLst>
        </pc:picChg>
      </pc:sldChg>
      <pc:sldChg chg="modSp">
        <pc:chgData name="LHUILLIER Nicolas" userId="S::nicolas.lhuillier_rte-france.com#ext#@sintef.onmicrosoft.com::90231e90-2fd2-4cb6-b1f7-171ef6d1c433" providerId="AD" clId="Web-{06A02946-2BF6-E8AE-1DC7-98BFC0BF26F8}" dt="2026-06-18T15:07:56.766" v="1" actId="1076"/>
        <pc:sldMkLst>
          <pc:docMk/>
          <pc:sldMk cId="1848094887" sldId="371"/>
        </pc:sldMkLst>
        <pc:picChg chg="mod">
          <ac:chgData name="LHUILLIER Nicolas" userId="S::nicolas.lhuillier_rte-france.com#ext#@sintef.onmicrosoft.com::90231e90-2fd2-4cb6-b1f7-171ef6d1c433" providerId="AD" clId="Web-{06A02946-2BF6-E8AE-1DC7-98BFC0BF26F8}" dt="2026-06-18T15:07:56.766" v="1" actId="1076"/>
          <ac:picMkLst>
            <pc:docMk/>
            <pc:sldMk cId="1848094887" sldId="371"/>
            <ac:picMk id="10" creationId="{15D39FD3-BCB9-7B00-E0A4-7F22151CF008}"/>
          </ac:picMkLst>
        </pc:picChg>
      </pc:sldChg>
      <pc:sldChg chg="addSp modSp">
        <pc:chgData name="LHUILLIER Nicolas" userId="S::nicolas.lhuillier_rte-france.com#ext#@sintef.onmicrosoft.com::90231e90-2fd2-4cb6-b1f7-171ef6d1c433" providerId="AD" clId="Web-{06A02946-2BF6-E8AE-1DC7-98BFC0BF26F8}" dt="2026-06-18T15:08:20.376" v="6" actId="1076"/>
        <pc:sldMkLst>
          <pc:docMk/>
          <pc:sldMk cId="3765818103" sldId="375"/>
        </pc:sldMkLst>
        <pc:graphicFrameChg chg="mod">
          <ac:chgData name="LHUILLIER Nicolas" userId="S::nicolas.lhuillier_rte-france.com#ext#@sintef.onmicrosoft.com::90231e90-2fd2-4cb6-b1f7-171ef6d1c433" providerId="AD" clId="Web-{06A02946-2BF6-E8AE-1DC7-98BFC0BF26F8}" dt="2026-06-18T15:08:20.376" v="6" actId="1076"/>
          <ac:graphicFrameMkLst>
            <pc:docMk/>
            <pc:sldMk cId="3765818103" sldId="375"/>
            <ac:graphicFrameMk id="4" creationId="{F68902A8-E9D1-3D1B-5E79-41C87CBA69FA}"/>
          </ac:graphicFrameMkLst>
        </pc:graphicFrameChg>
        <pc:picChg chg="add mod">
          <ac:chgData name="LHUILLIER Nicolas" userId="S::nicolas.lhuillier_rte-france.com#ext#@sintef.onmicrosoft.com::90231e90-2fd2-4cb6-b1f7-171ef6d1c433" providerId="AD" clId="Web-{06A02946-2BF6-E8AE-1DC7-98BFC0BF26F8}" dt="2026-06-18T15:08:16.469" v="5" actId="1076"/>
          <ac:picMkLst>
            <pc:docMk/>
            <pc:sldMk cId="3765818103" sldId="375"/>
            <ac:picMk id="3" creationId="{8684C357-FB2A-6587-CDB0-CB5B93E3AAAA}"/>
          </ac:picMkLst>
        </pc:picChg>
      </pc:sldChg>
    </pc:docChg>
  </pc:docChgLst>
  <pc:docChgLst>
    <pc:chgData name="LHUILLIER Nicolas" userId="S::nicolas.lhuillier_rte-france.com#ext#@sintef.onmicrosoft.com::90231e90-2fd2-4cb6-b1f7-171ef6d1c433" providerId="AD" clId="Web-{6BE2994D-0180-6318-3338-00B7B65D24A5}"/>
    <pc:docChg chg="modSld">
      <pc:chgData name="LHUILLIER Nicolas" userId="S::nicolas.lhuillier_rte-france.com#ext#@sintef.onmicrosoft.com::90231e90-2fd2-4cb6-b1f7-171ef6d1c433" providerId="AD" clId="Web-{6BE2994D-0180-6318-3338-00B7B65D24A5}" dt="2026-06-04T16:18:53.820" v="54" actId="14100"/>
      <pc:docMkLst>
        <pc:docMk/>
      </pc:docMkLst>
      <pc:sldChg chg="addSp delSp modSp">
        <pc:chgData name="LHUILLIER Nicolas" userId="S::nicolas.lhuillier_rte-france.com#ext#@sintef.onmicrosoft.com::90231e90-2fd2-4cb6-b1f7-171ef6d1c433" providerId="AD" clId="Web-{6BE2994D-0180-6318-3338-00B7B65D24A5}" dt="2026-06-04T16:18:40.523" v="51" actId="1076"/>
        <pc:sldMkLst>
          <pc:docMk/>
          <pc:sldMk cId="3688461587" sldId="356"/>
        </pc:sldMkLst>
        <pc:picChg chg="add mod modCrop">
          <ac:chgData name="LHUILLIER Nicolas" userId="S::nicolas.lhuillier_rte-france.com#ext#@sintef.onmicrosoft.com::90231e90-2fd2-4cb6-b1f7-171ef6d1c433" providerId="AD" clId="Web-{6BE2994D-0180-6318-3338-00B7B65D24A5}" dt="2026-06-04T16:18:37.367" v="50" actId="14100"/>
          <ac:picMkLst>
            <pc:docMk/>
            <pc:sldMk cId="3688461587" sldId="356"/>
            <ac:picMk id="3" creationId="{8BD1D043-DD5B-4525-D781-4A8F5980FEE9}"/>
          </ac:picMkLst>
        </pc:picChg>
        <pc:picChg chg="add mod modCrop">
          <ac:chgData name="LHUILLIER Nicolas" userId="S::nicolas.lhuillier_rte-france.com#ext#@sintef.onmicrosoft.com::90231e90-2fd2-4cb6-b1f7-171ef6d1c433" providerId="AD" clId="Web-{6BE2994D-0180-6318-3338-00B7B65D24A5}" dt="2026-06-04T16:18:40.523" v="51" actId="1076"/>
          <ac:picMkLst>
            <pc:docMk/>
            <pc:sldMk cId="3688461587" sldId="356"/>
            <ac:picMk id="5" creationId="{BB0C9D4A-F12C-55AA-C9CE-C8ACB1B83323}"/>
          </ac:picMkLst>
        </pc:picChg>
      </pc:sldChg>
      <pc:sldChg chg="addSp delSp modSp">
        <pc:chgData name="LHUILLIER Nicolas" userId="S::nicolas.lhuillier_rte-france.com#ext#@sintef.onmicrosoft.com::90231e90-2fd2-4cb6-b1f7-171ef6d1c433" providerId="AD" clId="Web-{6BE2994D-0180-6318-3338-00B7B65D24A5}" dt="2026-06-04T16:18:53.820" v="54" actId="14100"/>
        <pc:sldMkLst>
          <pc:docMk/>
          <pc:sldMk cId="756563796" sldId="361"/>
        </pc:sldMkLst>
        <pc:picChg chg="add mod">
          <ac:chgData name="LHUILLIER Nicolas" userId="S::nicolas.lhuillier_rte-france.com#ext#@sintef.onmicrosoft.com::90231e90-2fd2-4cb6-b1f7-171ef6d1c433" providerId="AD" clId="Web-{6BE2994D-0180-6318-3338-00B7B65D24A5}" dt="2026-06-04T16:18:13.445" v="47" actId="1076"/>
          <ac:picMkLst>
            <pc:docMk/>
            <pc:sldMk cId="756563796" sldId="361"/>
            <ac:picMk id="7" creationId="{332C32E3-07DE-4D40-6C98-38DA9EB113B5}"/>
          </ac:picMkLst>
        </pc:picChg>
        <pc:picChg chg="add mod">
          <ac:chgData name="LHUILLIER Nicolas" userId="S::nicolas.lhuillier_rte-france.com#ext#@sintef.onmicrosoft.com::90231e90-2fd2-4cb6-b1f7-171ef6d1c433" providerId="AD" clId="Web-{6BE2994D-0180-6318-3338-00B7B65D24A5}" dt="2026-06-04T16:18:53.820" v="54" actId="14100"/>
          <ac:picMkLst>
            <pc:docMk/>
            <pc:sldMk cId="756563796" sldId="361"/>
            <ac:picMk id="8" creationId="{62D79E15-B073-9882-6EF8-13E65ECCA799}"/>
          </ac:picMkLst>
        </pc:picChg>
      </pc:sldChg>
    </pc:docChg>
  </pc:docChgLst>
  <pc:docChgLst>
    <pc:chgData name="Kirsten Svenja Wiebe" userId="S::kirsten.wiebe@sintef.no::742e689c-da8f-421e-9a39-ba48434e9a94" providerId="AD" clId="Web-{E9DC285C-6C3F-9EED-3B4A-B91F0A65734D}"/>
    <pc:docChg chg="mod modSld">
      <pc:chgData name="Kirsten Svenja Wiebe" userId="S::kirsten.wiebe@sintef.no::742e689c-da8f-421e-9a39-ba48434e9a94" providerId="AD" clId="Web-{E9DC285C-6C3F-9EED-3B4A-B91F0A65734D}" dt="2026-06-15T16:45:25.792" v="4"/>
      <pc:docMkLst>
        <pc:docMk/>
      </pc:docMkLst>
      <pc:sldChg chg="modSp">
        <pc:chgData name="Kirsten Svenja Wiebe" userId="S::kirsten.wiebe@sintef.no::742e689c-da8f-421e-9a39-ba48434e9a94" providerId="AD" clId="Web-{E9DC285C-6C3F-9EED-3B4A-B91F0A65734D}" dt="2026-06-15T16:44:52.105" v="3" actId="1076"/>
        <pc:sldMkLst>
          <pc:docMk/>
          <pc:sldMk cId="3619548704" sldId="272"/>
        </pc:sldMkLst>
        <pc:spChg chg="mod">
          <ac:chgData name="Kirsten Svenja Wiebe" userId="S::kirsten.wiebe@sintef.no::742e689c-da8f-421e-9a39-ba48434e9a94" providerId="AD" clId="Web-{E9DC285C-6C3F-9EED-3B4A-B91F0A65734D}" dt="2026-06-15T16:44:52.105" v="3" actId="1076"/>
          <ac:spMkLst>
            <pc:docMk/>
            <pc:sldMk cId="3619548704" sldId="272"/>
            <ac:spMk id="13" creationId="{44A1A606-CE70-02E1-E678-06EE2EDBB5FD}"/>
          </ac:spMkLst>
        </pc:spChg>
        <pc:picChg chg="mod">
          <ac:chgData name="Kirsten Svenja Wiebe" userId="S::kirsten.wiebe@sintef.no::742e689c-da8f-421e-9a39-ba48434e9a94" providerId="AD" clId="Web-{E9DC285C-6C3F-9EED-3B4A-B91F0A65734D}" dt="2026-06-15T16:44:25.355" v="1" actId="14100"/>
          <ac:picMkLst>
            <pc:docMk/>
            <pc:sldMk cId="3619548704" sldId="272"/>
            <ac:picMk id="10" creationId="{8A7B9EC7-6C33-A768-6023-EA3DD1CC7D9D}"/>
          </ac:picMkLst>
        </pc:picChg>
      </pc:sldChg>
    </pc:docChg>
  </pc:docChgLst>
  <pc:docChgLst>
    <pc:chgData name="LHUILLIER Nicolas" userId="S::nicolas.lhuillier_rte-france.com#ext#@sintef.onmicrosoft.com::90231e90-2fd2-4cb6-b1f7-171ef6d1c433" providerId="AD" clId="Web-{4BF29F44-27AD-9174-994D-91EF45CBF3D5}"/>
    <pc:docChg chg="modSld">
      <pc:chgData name="LHUILLIER Nicolas" userId="S::nicolas.lhuillier_rte-france.com#ext#@sintef.onmicrosoft.com::90231e90-2fd2-4cb6-b1f7-171ef6d1c433" providerId="AD" clId="Web-{4BF29F44-27AD-9174-994D-91EF45CBF3D5}" dt="2026-06-16T07:05:50.340" v="13" actId="1076"/>
      <pc:docMkLst>
        <pc:docMk/>
      </pc:docMkLst>
      <pc:sldChg chg="addSp delSp modSp">
        <pc:chgData name="LHUILLIER Nicolas" userId="S::nicolas.lhuillier_rte-france.com#ext#@sintef.onmicrosoft.com::90231e90-2fd2-4cb6-b1f7-171ef6d1c433" providerId="AD" clId="Web-{4BF29F44-27AD-9174-994D-91EF45CBF3D5}" dt="2026-06-16T07:05:50.340" v="13" actId="1076"/>
        <pc:sldMkLst>
          <pc:docMk/>
          <pc:sldMk cId="3619548704" sldId="272"/>
        </pc:sldMkLst>
        <pc:picChg chg="add mod">
          <ac:chgData name="LHUILLIER Nicolas" userId="S::nicolas.lhuillier_rte-france.com#ext#@sintef.onmicrosoft.com::90231e90-2fd2-4cb6-b1f7-171ef6d1c433" providerId="AD" clId="Web-{4BF29F44-27AD-9174-994D-91EF45CBF3D5}" dt="2026-06-16T07:05:50.340" v="13" actId="1076"/>
          <ac:picMkLst>
            <pc:docMk/>
            <pc:sldMk cId="3619548704" sldId="272"/>
            <ac:picMk id="4" creationId="{8C052673-6100-2C37-5051-6D56FDCBD136}"/>
          </ac:picMkLst>
        </pc:picChg>
      </pc:sldChg>
    </pc:docChg>
  </pc:docChgLst>
  <pc:docChgLst>
    <pc:chgData name="LHUILLIER Nicolas" userId="S::nicolas.lhuillier_rte-france.com#ext#@sintef.onmicrosoft.com::90231e90-2fd2-4cb6-b1f7-171ef6d1c433" providerId="AD" clId="Web-{099228CB-5F93-B667-E237-658F1906D7C1}"/>
    <pc:docChg chg="mod addSld modSld">
      <pc:chgData name="LHUILLIER Nicolas" userId="S::nicolas.lhuillier_rte-france.com#ext#@sintef.onmicrosoft.com::90231e90-2fd2-4cb6-b1f7-171ef6d1c433" providerId="AD" clId="Web-{099228CB-5F93-B667-E237-658F1906D7C1}" dt="2026-05-26T13:28:54.736" v="33"/>
      <pc:docMkLst>
        <pc:docMk/>
      </pc:docMkLst>
      <pc:sldChg chg="modSp">
        <pc:chgData name="LHUILLIER Nicolas" userId="S::nicolas.lhuillier_rte-france.com#ext#@sintef.onmicrosoft.com::90231e90-2fd2-4cb6-b1f7-171ef6d1c433" providerId="AD" clId="Web-{099228CB-5F93-B667-E237-658F1906D7C1}" dt="2026-05-26T12:59:27.109" v="0" actId="20577"/>
        <pc:sldMkLst>
          <pc:docMk/>
          <pc:sldMk cId="3619548704" sldId="272"/>
        </pc:sldMkLst>
        <pc:spChg chg="mod">
          <ac:chgData name="LHUILLIER Nicolas" userId="S::nicolas.lhuillier_rte-france.com#ext#@sintef.onmicrosoft.com::90231e90-2fd2-4cb6-b1f7-171ef6d1c433" providerId="AD" clId="Web-{099228CB-5F93-B667-E237-658F1906D7C1}" dt="2026-05-26T12:59:27.109" v="0" actId="20577"/>
          <ac:spMkLst>
            <pc:docMk/>
            <pc:sldMk cId="3619548704" sldId="272"/>
            <ac:spMk id="9" creationId="{6A3DDAB3-5855-3F9D-CF22-7CB003F2AEEC}"/>
          </ac:spMkLst>
        </pc:spChg>
      </pc:sldChg>
      <pc:sldChg chg="addSp delSp modSp">
        <pc:chgData name="LHUILLIER Nicolas" userId="S::nicolas.lhuillier_rte-france.com#ext#@sintef.onmicrosoft.com::90231e90-2fd2-4cb6-b1f7-171ef6d1c433" providerId="AD" clId="Web-{099228CB-5F93-B667-E237-658F1906D7C1}" dt="2026-05-26T13:28:50.314" v="32"/>
        <pc:sldMkLst>
          <pc:docMk/>
          <pc:sldMk cId="3688461587" sldId="356"/>
        </pc:sldMkLst>
        <pc:spChg chg="mod">
          <ac:chgData name="LHUILLIER Nicolas" userId="S::nicolas.lhuillier_rte-france.com#ext#@sintef.onmicrosoft.com::90231e90-2fd2-4cb6-b1f7-171ef6d1c433" providerId="AD" clId="Web-{099228CB-5F93-B667-E237-658F1906D7C1}" dt="2026-05-26T13:28:35.924" v="29" actId="20577"/>
          <ac:spMkLst>
            <pc:docMk/>
            <pc:sldMk cId="3688461587" sldId="356"/>
            <ac:spMk id="2" creationId="{C7DFC56A-8A57-86FA-C1E0-655E02223674}"/>
          </ac:spMkLst>
        </pc:spChg>
      </pc:sldChg>
      <pc:sldChg chg="delSp modSp add replId">
        <pc:chgData name="LHUILLIER Nicolas" userId="S::nicolas.lhuillier_rte-france.com#ext#@sintef.onmicrosoft.com::90231e90-2fd2-4cb6-b1f7-171ef6d1c433" providerId="AD" clId="Web-{099228CB-5F93-B667-E237-658F1906D7C1}" dt="2026-05-26T13:28:54.736" v="33"/>
        <pc:sldMkLst>
          <pc:docMk/>
          <pc:sldMk cId="756563796" sldId="361"/>
        </pc:sldMkLst>
        <pc:spChg chg="mod">
          <ac:chgData name="LHUILLIER Nicolas" userId="S::nicolas.lhuillier_rte-france.com#ext#@sintef.onmicrosoft.com::90231e90-2fd2-4cb6-b1f7-171ef6d1c433" providerId="AD" clId="Web-{099228CB-5F93-B667-E237-658F1906D7C1}" dt="2026-05-26T13:28:41.845" v="31" actId="20577"/>
          <ac:spMkLst>
            <pc:docMk/>
            <pc:sldMk cId="756563796" sldId="361"/>
            <ac:spMk id="2" creationId="{01EF2E94-7819-A161-722C-EAD0D4803017}"/>
          </ac:spMkLst>
        </pc:spChg>
      </pc:sldChg>
    </pc:docChg>
  </pc:docChgLst>
  <pc:docChgLst>
    <pc:chgData name="DURANTE Alvaro" userId="c68a07f6-cc5f-4302-8266-65b46653a032" providerId="ADAL" clId="{39A0A0EB-F351-48D8-943F-3E149915C66E}"/>
    <pc:docChg chg="undo redo custSel addSld delSld modSld">
      <pc:chgData name="DURANTE Alvaro" userId="c68a07f6-cc5f-4302-8266-65b46653a032" providerId="ADAL" clId="{39A0A0EB-F351-48D8-943F-3E149915C66E}" dt="2026-06-18T15:45:01.208" v="2604" actId="14100"/>
      <pc:docMkLst>
        <pc:docMk/>
      </pc:docMkLst>
      <pc:sldChg chg="addSp delSp modSp mod">
        <pc:chgData name="DURANTE Alvaro" userId="c68a07f6-cc5f-4302-8266-65b46653a032" providerId="ADAL" clId="{39A0A0EB-F351-48D8-943F-3E149915C66E}" dt="2026-06-18T15:02:21.781" v="2450" actId="1076"/>
        <pc:sldMkLst>
          <pc:docMk/>
          <pc:sldMk cId="2233033144" sldId="364"/>
        </pc:sldMkLst>
        <pc:spChg chg="mod">
          <ac:chgData name="DURANTE Alvaro" userId="c68a07f6-cc5f-4302-8266-65b46653a032" providerId="ADAL" clId="{39A0A0EB-F351-48D8-943F-3E149915C66E}" dt="2026-06-15T21:24:34.288" v="307" actId="20577"/>
          <ac:spMkLst>
            <pc:docMk/>
            <pc:sldMk cId="2233033144" sldId="364"/>
            <ac:spMk id="8" creationId="{8ED5CED6-F520-CFA5-DD88-926A4DD28012}"/>
          </ac:spMkLst>
        </pc:spChg>
        <pc:spChg chg="add mod">
          <ac:chgData name="DURANTE Alvaro" userId="c68a07f6-cc5f-4302-8266-65b46653a032" providerId="ADAL" clId="{39A0A0EB-F351-48D8-943F-3E149915C66E}" dt="2026-06-15T22:13:37.163" v="1705" actId="20577"/>
          <ac:spMkLst>
            <pc:docMk/>
            <pc:sldMk cId="2233033144" sldId="364"/>
            <ac:spMk id="9" creationId="{30C05FE8-CA6A-FFF1-1A09-31EA99724D9E}"/>
          </ac:spMkLst>
        </pc:spChg>
        <pc:spChg chg="mod">
          <ac:chgData name="DURANTE Alvaro" userId="c68a07f6-cc5f-4302-8266-65b46653a032" providerId="ADAL" clId="{39A0A0EB-F351-48D8-943F-3E149915C66E}" dt="2026-06-15T22:12:29.524" v="1693" actId="14100"/>
          <ac:spMkLst>
            <pc:docMk/>
            <pc:sldMk cId="2233033144" sldId="364"/>
            <ac:spMk id="11" creationId="{36915056-A564-7134-765B-1770BA98062E}"/>
          </ac:spMkLst>
        </pc:spChg>
        <pc:graphicFrameChg chg="add del mod">
          <ac:chgData name="DURANTE Alvaro" userId="c68a07f6-cc5f-4302-8266-65b46653a032" providerId="ADAL" clId="{39A0A0EB-F351-48D8-943F-3E149915C66E}" dt="2026-06-18T15:02:05.354" v="2445" actId="478"/>
          <ac:graphicFrameMkLst>
            <pc:docMk/>
            <pc:sldMk cId="2233033144" sldId="364"/>
            <ac:graphicFrameMk id="2" creationId="{25BCFAC1-C3D3-9CEC-87A1-00C07895C382}"/>
          </ac:graphicFrameMkLst>
        </pc:graphicFrameChg>
        <pc:graphicFrameChg chg="add mod">
          <ac:chgData name="DURANTE Alvaro" userId="c68a07f6-cc5f-4302-8266-65b46653a032" providerId="ADAL" clId="{39A0A0EB-F351-48D8-943F-3E149915C66E}" dt="2026-06-18T15:02:21.781" v="2450" actId="1076"/>
          <ac:graphicFrameMkLst>
            <pc:docMk/>
            <pc:sldMk cId="2233033144" sldId="364"/>
            <ac:graphicFrameMk id="3" creationId="{B42CF097-2270-0C1F-799A-AA509C1A850C}"/>
          </ac:graphicFrameMkLst>
        </pc:graphicFrameChg>
      </pc:sldChg>
      <pc:sldChg chg="addSp delSp modSp new mod">
        <pc:chgData name="DURANTE Alvaro" userId="c68a07f6-cc5f-4302-8266-65b46653a032" providerId="ADAL" clId="{39A0A0EB-F351-48D8-943F-3E149915C66E}" dt="2026-06-18T14:40:35.326" v="2405" actId="12789"/>
        <pc:sldMkLst>
          <pc:docMk/>
          <pc:sldMk cId="1191536465" sldId="365"/>
        </pc:sldMkLst>
        <pc:spChg chg="mod">
          <ac:chgData name="DURANTE Alvaro" userId="c68a07f6-cc5f-4302-8266-65b46653a032" providerId="ADAL" clId="{39A0A0EB-F351-48D8-943F-3E149915C66E}" dt="2026-06-15T22:21:53.205" v="1837" actId="20577"/>
          <ac:spMkLst>
            <pc:docMk/>
            <pc:sldMk cId="1191536465" sldId="365"/>
            <ac:spMk id="2" creationId="{149504A7-4D05-67D9-D34F-7CEE4592D29D}"/>
          </ac:spMkLst>
        </pc:spChg>
        <pc:spChg chg="add del mod">
          <ac:chgData name="DURANTE Alvaro" userId="c68a07f6-cc5f-4302-8266-65b46653a032" providerId="ADAL" clId="{39A0A0EB-F351-48D8-943F-3E149915C66E}" dt="2026-06-18T14:39:52.163" v="2395" actId="478"/>
          <ac:spMkLst>
            <pc:docMk/>
            <pc:sldMk cId="1191536465" sldId="365"/>
            <ac:spMk id="10" creationId="{E22DE97A-B1E1-BDD3-D8F9-E39E0F15E892}"/>
          </ac:spMkLst>
        </pc:spChg>
        <pc:picChg chg="add del mod">
          <ac:chgData name="DURANTE Alvaro" userId="c68a07f6-cc5f-4302-8266-65b46653a032" providerId="ADAL" clId="{39A0A0EB-F351-48D8-943F-3E149915C66E}" dt="2026-06-18T14:38:40.735" v="2383" actId="478"/>
          <ac:picMkLst>
            <pc:docMk/>
            <pc:sldMk cId="1191536465" sldId="365"/>
            <ac:picMk id="4" creationId="{62252D58-56CE-700D-A344-2F4B29821BE3}"/>
          </ac:picMkLst>
        </pc:picChg>
        <pc:picChg chg="add mod">
          <ac:chgData name="DURANTE Alvaro" userId="c68a07f6-cc5f-4302-8266-65b46653a032" providerId="ADAL" clId="{39A0A0EB-F351-48D8-943F-3E149915C66E}" dt="2026-06-18T14:40:35.326" v="2405" actId="12789"/>
          <ac:picMkLst>
            <pc:docMk/>
            <pc:sldMk cId="1191536465" sldId="365"/>
            <ac:picMk id="6" creationId="{6D60ADB9-19F8-469D-D060-A491E9DCCC72}"/>
          </ac:picMkLst>
        </pc:picChg>
        <pc:picChg chg="add del mod">
          <ac:chgData name="DURANTE Alvaro" userId="c68a07f6-cc5f-4302-8266-65b46653a032" providerId="ADAL" clId="{39A0A0EB-F351-48D8-943F-3E149915C66E}" dt="2026-06-18T14:39:30.435" v="2391" actId="478"/>
          <ac:picMkLst>
            <pc:docMk/>
            <pc:sldMk cId="1191536465" sldId="365"/>
            <ac:picMk id="7" creationId="{AC72C543-AA33-C4CF-5B16-67C5087830C2}"/>
          </ac:picMkLst>
        </pc:picChg>
        <pc:picChg chg="add del mod">
          <ac:chgData name="DURANTE Alvaro" userId="c68a07f6-cc5f-4302-8266-65b46653a032" providerId="ADAL" clId="{39A0A0EB-F351-48D8-943F-3E149915C66E}" dt="2026-06-18T14:40:05.996" v="2396" actId="478"/>
          <ac:picMkLst>
            <pc:docMk/>
            <pc:sldMk cId="1191536465" sldId="365"/>
            <ac:picMk id="9" creationId="{EF42A2F5-650C-AB03-FDD8-06E00828A342}"/>
          </ac:picMkLst>
        </pc:picChg>
        <pc:picChg chg="add mod">
          <ac:chgData name="DURANTE Alvaro" userId="c68a07f6-cc5f-4302-8266-65b46653a032" providerId="ADAL" clId="{39A0A0EB-F351-48D8-943F-3E149915C66E}" dt="2026-06-18T14:40:35.326" v="2405" actId="12789"/>
          <ac:picMkLst>
            <pc:docMk/>
            <pc:sldMk cId="1191536465" sldId="365"/>
            <ac:picMk id="12" creationId="{E70A3194-867F-8756-7BEA-6153FF471FC7}"/>
          </ac:picMkLst>
        </pc:picChg>
      </pc:sldChg>
      <pc:sldChg chg="addSp delSp modSp add mod">
        <pc:chgData name="DURANTE Alvaro" userId="c68a07f6-cc5f-4302-8266-65b46653a032" providerId="ADAL" clId="{39A0A0EB-F351-48D8-943F-3E149915C66E}" dt="2026-06-18T15:45:01.208" v="2604" actId="14100"/>
        <pc:sldMkLst>
          <pc:docMk/>
          <pc:sldMk cId="1900225666" sldId="368"/>
        </pc:sldMkLst>
        <pc:spChg chg="mod">
          <ac:chgData name="DURANTE Alvaro" userId="c68a07f6-cc5f-4302-8266-65b46653a032" providerId="ADAL" clId="{39A0A0EB-F351-48D8-943F-3E149915C66E}" dt="2026-06-15T22:50:43.863" v="2372" actId="20577"/>
          <ac:spMkLst>
            <pc:docMk/>
            <pc:sldMk cId="1900225666" sldId="368"/>
            <ac:spMk id="2" creationId="{A56E38EA-0495-6C0A-4706-EB5BDC6E1D31}"/>
          </ac:spMkLst>
        </pc:spChg>
        <pc:spChg chg="add mod">
          <ac:chgData name="DURANTE Alvaro" userId="c68a07f6-cc5f-4302-8266-65b46653a032" providerId="ADAL" clId="{39A0A0EB-F351-48D8-943F-3E149915C66E}" dt="2026-06-18T15:45:01.208" v="2604" actId="14100"/>
          <ac:spMkLst>
            <pc:docMk/>
            <pc:sldMk cId="1900225666" sldId="368"/>
            <ac:spMk id="3" creationId="{5BCBFF69-D88F-5F25-5615-B901A117086D}"/>
          </ac:spMkLst>
        </pc:spChg>
        <pc:picChg chg="add del mod">
          <ac:chgData name="DURANTE Alvaro" userId="c68a07f6-cc5f-4302-8266-65b46653a032" providerId="ADAL" clId="{39A0A0EB-F351-48D8-943F-3E149915C66E}" dt="2026-06-18T14:44:43.052" v="2438" actId="478"/>
          <ac:picMkLst>
            <pc:docMk/>
            <pc:sldMk cId="1900225666" sldId="368"/>
            <ac:picMk id="4" creationId="{DF1320A2-A990-F55B-4D50-5100FDE45794}"/>
          </ac:picMkLst>
        </pc:picChg>
        <pc:picChg chg="add del mod">
          <ac:chgData name="DURANTE Alvaro" userId="c68a07f6-cc5f-4302-8266-65b46653a032" providerId="ADAL" clId="{39A0A0EB-F351-48D8-943F-3E149915C66E}" dt="2026-06-18T14:41:24.181" v="2406" actId="478"/>
          <ac:picMkLst>
            <pc:docMk/>
            <pc:sldMk cId="1900225666" sldId="368"/>
            <ac:picMk id="6" creationId="{EAF84EC0-F8D9-5122-806A-724F6A8F1E55}"/>
          </ac:picMkLst>
        </pc:picChg>
        <pc:picChg chg="add mod">
          <ac:chgData name="DURANTE Alvaro" userId="c68a07f6-cc5f-4302-8266-65b46653a032" providerId="ADAL" clId="{39A0A0EB-F351-48D8-943F-3E149915C66E}" dt="2026-06-18T15:04:24.166" v="2462" actId="1035"/>
          <ac:picMkLst>
            <pc:docMk/>
            <pc:sldMk cId="1900225666" sldId="368"/>
            <ac:picMk id="7" creationId="{EC080D6C-5422-E360-B38A-B30EAB197306}"/>
          </ac:picMkLst>
        </pc:picChg>
        <pc:picChg chg="add del mod">
          <ac:chgData name="DURANTE Alvaro" userId="c68a07f6-cc5f-4302-8266-65b46653a032" providerId="ADAL" clId="{39A0A0EB-F351-48D8-943F-3E149915C66E}" dt="2026-06-18T14:42:40.344" v="2413" actId="478"/>
          <ac:picMkLst>
            <pc:docMk/>
            <pc:sldMk cId="1900225666" sldId="368"/>
            <ac:picMk id="8" creationId="{DB8537D5-629C-EE00-16DB-15F1AE1FCB62}"/>
          </ac:picMkLst>
        </pc:picChg>
        <pc:picChg chg="add mod">
          <ac:chgData name="DURANTE Alvaro" userId="c68a07f6-cc5f-4302-8266-65b46653a032" providerId="ADAL" clId="{39A0A0EB-F351-48D8-943F-3E149915C66E}" dt="2026-06-18T15:04:24.166" v="2462" actId="1035"/>
          <ac:picMkLst>
            <pc:docMk/>
            <pc:sldMk cId="1900225666" sldId="368"/>
            <ac:picMk id="10" creationId="{132DD3A5-5DAF-DE0A-FDEC-866C1DE6AB80}"/>
          </ac:picMkLst>
        </pc:picChg>
        <pc:picChg chg="add del mod">
          <ac:chgData name="DURANTE Alvaro" userId="c68a07f6-cc5f-4302-8266-65b46653a032" providerId="ADAL" clId="{39A0A0EB-F351-48D8-943F-3E149915C66E}" dt="2026-06-18T14:43:11.474" v="2425" actId="478"/>
          <ac:picMkLst>
            <pc:docMk/>
            <pc:sldMk cId="1900225666" sldId="368"/>
            <ac:picMk id="11" creationId="{4F8F6941-5960-2775-D14B-B235BB0855E8}"/>
          </ac:picMkLst>
        </pc:picChg>
      </pc:sldChg>
    </pc:docChg>
  </pc:docChgLst>
  <pc:docChgLst>
    <pc:chgData name="LHUILLIER Nicolas" userId="S::nicolas.lhuillier_rte-france.com#ext#@sintef.onmicrosoft.com::90231e90-2fd2-4cb6-b1f7-171ef6d1c433" providerId="AD" clId="Web-{37A3CA6A-7A19-C663-BC45-55752F060222}"/>
    <pc:docChg chg="modSld">
      <pc:chgData name="LHUILLIER Nicolas" userId="S::nicolas.lhuillier_rte-france.com#ext#@sintef.onmicrosoft.com::90231e90-2fd2-4cb6-b1f7-171ef6d1c433" providerId="AD" clId="Web-{37A3CA6A-7A19-C663-BC45-55752F060222}" dt="2026-06-18T13:35:54.917" v="17"/>
      <pc:docMkLst>
        <pc:docMk/>
      </pc:docMkLst>
      <pc:sldChg chg="addSp delSp modSp">
        <pc:chgData name="LHUILLIER Nicolas" userId="S::nicolas.lhuillier_rte-france.com#ext#@sintef.onmicrosoft.com::90231e90-2fd2-4cb6-b1f7-171ef6d1c433" providerId="AD" clId="Web-{37A3CA6A-7A19-C663-BC45-55752F060222}" dt="2026-06-18T13:35:54.917" v="17"/>
        <pc:sldMkLst>
          <pc:docMk/>
          <pc:sldMk cId="3765818103" sldId="375"/>
        </pc:sldMkLst>
        <pc:spChg chg="add del mod">
          <ac:chgData name="LHUILLIER Nicolas" userId="S::nicolas.lhuillier_rte-france.com#ext#@sintef.onmicrosoft.com::90231e90-2fd2-4cb6-b1f7-171ef6d1c433" providerId="AD" clId="Web-{37A3CA6A-7A19-C663-BC45-55752F060222}" dt="2026-06-18T13:33:29.902" v="3"/>
          <ac:spMkLst>
            <pc:docMk/>
            <pc:sldMk cId="3765818103" sldId="375"/>
            <ac:spMk id="2" creationId="{5C1FBDB1-FCE9-6DDE-D19F-B50439C96576}"/>
          </ac:spMkLst>
        </pc:spChg>
        <pc:spChg chg="add del">
          <ac:chgData name="LHUILLIER Nicolas" userId="S::nicolas.lhuillier_rte-france.com#ext#@sintef.onmicrosoft.com::90231e90-2fd2-4cb6-b1f7-171ef6d1c433" providerId="AD" clId="Web-{37A3CA6A-7A19-C663-BC45-55752F060222}" dt="2026-06-18T13:34:26.777" v="13"/>
          <ac:spMkLst>
            <pc:docMk/>
            <pc:sldMk cId="3765818103" sldId="375"/>
            <ac:spMk id="3" creationId="{5A35E81B-0C5E-B9D7-9B51-3ED6CFFCD442}"/>
          </ac:spMkLst>
        </pc:spChg>
        <pc:graphicFrameChg chg="add mod modGraphic">
          <ac:chgData name="LHUILLIER Nicolas" userId="S::nicolas.lhuillier_rte-france.com#ext#@sintef.onmicrosoft.com::90231e90-2fd2-4cb6-b1f7-171ef6d1c433" providerId="AD" clId="Web-{37A3CA6A-7A19-C663-BC45-55752F060222}" dt="2026-06-18T13:35:54.917" v="17"/>
          <ac:graphicFrameMkLst>
            <pc:docMk/>
            <pc:sldMk cId="3765818103" sldId="375"/>
            <ac:graphicFrameMk id="4" creationId="{F68902A8-E9D1-3D1B-5E79-41C87CBA69FA}"/>
          </ac:graphicFrameMkLst>
        </pc:graphicFrameChg>
      </pc:sldChg>
    </pc:docChg>
  </pc:docChgLst>
  <pc:docChgLst>
    <pc:chgData name="Kirsten Svenja Wiebe" userId="S::kirsten.wiebe@sintef.no::742e689c-da8f-421e-9a39-ba48434e9a94" providerId="AD" clId="Web-{874F0B3F-8C5D-DBB8-4FE0-29272BCE8E1D}"/>
    <pc:docChg chg="modSld">
      <pc:chgData name="Kirsten Svenja Wiebe" userId="S::kirsten.wiebe@sintef.no::742e689c-da8f-421e-9a39-ba48434e9a94" providerId="AD" clId="Web-{874F0B3F-8C5D-DBB8-4FE0-29272BCE8E1D}" dt="2026-06-16T17:37:45.463" v="40" actId="20577"/>
      <pc:docMkLst>
        <pc:docMk/>
      </pc:docMkLst>
      <pc:sldChg chg="modSp">
        <pc:chgData name="Kirsten Svenja Wiebe" userId="S::kirsten.wiebe@sintef.no::742e689c-da8f-421e-9a39-ba48434e9a94" providerId="AD" clId="Web-{874F0B3F-8C5D-DBB8-4FE0-29272BCE8E1D}" dt="2026-06-16T17:37:45.463" v="40" actId="20577"/>
        <pc:sldMkLst>
          <pc:docMk/>
          <pc:sldMk cId="2843703708" sldId="271"/>
        </pc:sldMkLst>
        <pc:spChg chg="mod">
          <ac:chgData name="Kirsten Svenja Wiebe" userId="S::kirsten.wiebe@sintef.no::742e689c-da8f-421e-9a39-ba48434e9a94" providerId="AD" clId="Web-{874F0B3F-8C5D-DBB8-4FE0-29272BCE8E1D}" dt="2026-06-16T17:37:45.463" v="40" actId="20577"/>
          <ac:spMkLst>
            <pc:docMk/>
            <pc:sldMk cId="2843703708" sldId="271"/>
            <ac:spMk id="2" creationId="{70A7728D-7133-4A50-AAD2-58F5F43001D9}"/>
          </ac:spMkLst>
        </pc:spChg>
      </pc:sldChg>
      <pc:sldChg chg="modSp">
        <pc:chgData name="Kirsten Svenja Wiebe" userId="S::kirsten.wiebe@sintef.no::742e689c-da8f-421e-9a39-ba48434e9a94" providerId="AD" clId="Web-{874F0B3F-8C5D-DBB8-4FE0-29272BCE8E1D}" dt="2026-06-16T17:36:55.290" v="34" actId="20577"/>
        <pc:sldMkLst>
          <pc:docMk/>
          <pc:sldMk cId="3619548704" sldId="272"/>
        </pc:sldMkLst>
        <pc:spChg chg="mod">
          <ac:chgData name="Kirsten Svenja Wiebe" userId="S::kirsten.wiebe@sintef.no::742e689c-da8f-421e-9a39-ba48434e9a94" providerId="AD" clId="Web-{874F0B3F-8C5D-DBB8-4FE0-29272BCE8E1D}" dt="2026-06-16T17:36:55.290" v="34" actId="20577"/>
          <ac:spMkLst>
            <pc:docMk/>
            <pc:sldMk cId="3619548704" sldId="272"/>
            <ac:spMk id="5" creationId="{33084687-7221-0946-B72A-2F8C5E8AA6EB}"/>
          </ac:spMkLst>
        </pc:spChg>
      </pc:sldChg>
    </pc:docChg>
  </pc:docChgLst>
  <pc:docChgLst>
    <pc:chgData name="LHUILLIER Nicolas" userId="S::nicolas.lhuillier_rte-france.com#ext#@sintef.onmicrosoft.com::90231e90-2fd2-4cb6-b1f7-171ef6d1c433" providerId="AD" clId="Web-{BA524AC2-4939-3045-F3FB-445FA63ECBDA}"/>
    <pc:docChg chg="modSld">
      <pc:chgData name="LHUILLIER Nicolas" userId="S::nicolas.lhuillier_rte-france.com#ext#@sintef.onmicrosoft.com::90231e90-2fd2-4cb6-b1f7-171ef6d1c433" providerId="AD" clId="Web-{BA524AC2-4939-3045-F3FB-445FA63ECBDA}" dt="2026-06-16T11:50:47.801" v="196" actId="20577"/>
      <pc:docMkLst>
        <pc:docMk/>
      </pc:docMkLst>
      <pc:sldChg chg="delSp modSp">
        <pc:chgData name="LHUILLIER Nicolas" userId="S::nicolas.lhuillier_rte-france.com#ext#@sintef.onmicrosoft.com::90231e90-2fd2-4cb6-b1f7-171ef6d1c433" providerId="AD" clId="Web-{BA524AC2-4939-3045-F3FB-445FA63ECBDA}" dt="2026-06-16T11:50:03.332" v="160" actId="20577"/>
        <pc:sldMkLst>
          <pc:docMk/>
          <pc:sldMk cId="2233033144" sldId="364"/>
        </pc:sldMkLst>
        <pc:spChg chg="mod">
          <ac:chgData name="LHUILLIER Nicolas" userId="S::nicolas.lhuillier_rte-france.com#ext#@sintef.onmicrosoft.com::90231e90-2fd2-4cb6-b1f7-171ef6d1c433" providerId="AD" clId="Web-{BA524AC2-4939-3045-F3FB-445FA63ECBDA}" dt="2026-06-16T11:49:30.972" v="157" actId="20577"/>
          <ac:spMkLst>
            <pc:docMk/>
            <pc:sldMk cId="2233033144" sldId="364"/>
            <ac:spMk id="8" creationId="{8ED5CED6-F520-CFA5-DD88-926A4DD28012}"/>
          </ac:spMkLst>
        </pc:spChg>
        <pc:spChg chg="mod">
          <ac:chgData name="LHUILLIER Nicolas" userId="S::nicolas.lhuillier_rte-france.com#ext#@sintef.onmicrosoft.com::90231e90-2fd2-4cb6-b1f7-171ef6d1c433" providerId="AD" clId="Web-{BA524AC2-4939-3045-F3FB-445FA63ECBDA}" dt="2026-06-16T11:50:03.332" v="160" actId="20577"/>
          <ac:spMkLst>
            <pc:docMk/>
            <pc:sldMk cId="2233033144" sldId="364"/>
            <ac:spMk id="11" creationId="{36915056-A564-7134-765B-1770BA98062E}"/>
          </ac:spMkLst>
        </pc:spChg>
      </pc:sldChg>
      <pc:sldChg chg="modSp">
        <pc:chgData name="LHUILLIER Nicolas" userId="S::nicolas.lhuillier_rte-france.com#ext#@sintef.onmicrosoft.com::90231e90-2fd2-4cb6-b1f7-171ef6d1c433" providerId="AD" clId="Web-{BA524AC2-4939-3045-F3FB-445FA63ECBDA}" dt="2026-06-16T11:48:17.049" v="113" actId="20577"/>
        <pc:sldMkLst>
          <pc:docMk/>
          <pc:sldMk cId="3497905158" sldId="374"/>
        </pc:sldMkLst>
        <pc:spChg chg="mod">
          <ac:chgData name="LHUILLIER Nicolas" userId="S::nicolas.lhuillier_rte-france.com#ext#@sintef.onmicrosoft.com::90231e90-2fd2-4cb6-b1f7-171ef6d1c433" providerId="AD" clId="Web-{BA524AC2-4939-3045-F3FB-445FA63ECBDA}" dt="2026-06-16T11:48:17.049" v="113" actId="20577"/>
          <ac:spMkLst>
            <pc:docMk/>
            <pc:sldMk cId="3497905158" sldId="374"/>
            <ac:spMk id="3" creationId="{3BD0B2ED-5CBE-5917-A4D7-E07C2E679EBD}"/>
          </ac:spMkLst>
        </pc:spChg>
        <pc:spChg chg="mod">
          <ac:chgData name="LHUILLIER Nicolas" userId="S::nicolas.lhuillier_rte-france.com#ext#@sintef.onmicrosoft.com::90231e90-2fd2-4cb6-b1f7-171ef6d1c433" providerId="AD" clId="Web-{BA524AC2-4939-3045-F3FB-445FA63ECBDA}" dt="2026-06-16T11:47:57.002" v="111" actId="20577"/>
          <ac:spMkLst>
            <pc:docMk/>
            <pc:sldMk cId="3497905158" sldId="374"/>
            <ac:spMk id="4" creationId="{2C8E536D-8DD9-1917-73D6-D36FCE28C2E7}"/>
          </ac:spMkLst>
        </pc:spChg>
      </pc:sldChg>
      <pc:sldChg chg="delSp modSp">
        <pc:chgData name="LHUILLIER Nicolas" userId="S::nicolas.lhuillier_rte-france.com#ext#@sintef.onmicrosoft.com::90231e90-2fd2-4cb6-b1f7-171ef6d1c433" providerId="AD" clId="Web-{BA524AC2-4939-3045-F3FB-445FA63ECBDA}" dt="2026-06-16T11:50:47.801" v="196" actId="20577"/>
        <pc:sldMkLst>
          <pc:docMk/>
          <pc:sldMk cId="3765818103" sldId="375"/>
        </pc:sldMkLst>
        <pc:spChg chg="mod">
          <ac:chgData name="LHUILLIER Nicolas" userId="S::nicolas.lhuillier_rte-france.com#ext#@sintef.onmicrosoft.com::90231e90-2fd2-4cb6-b1f7-171ef6d1c433" providerId="AD" clId="Web-{BA524AC2-4939-3045-F3FB-445FA63ECBDA}" dt="2026-06-16T11:50:47.801" v="196" actId="20577"/>
          <ac:spMkLst>
            <pc:docMk/>
            <pc:sldMk cId="3765818103" sldId="375"/>
            <ac:spMk id="8" creationId="{90CFF5CC-10FF-4155-33B2-F51ECEAB599A}"/>
          </ac:spMkLst>
        </pc:spChg>
      </pc:sldChg>
    </pc:docChg>
  </pc:docChgLst>
  <pc:docChgLst>
    <pc:chgData name="LHUILLIER Nicolas" userId="S::nicolas.lhuillier_rte-france.com#ext#@sintef.onmicrosoft.com::90231e90-2fd2-4cb6-b1f7-171ef6d1c433" providerId="AD" clId="Web-{9CE0182D-1716-92D7-1671-CCBA29588ABA}"/>
    <pc:docChg chg="modSld">
      <pc:chgData name="LHUILLIER Nicolas" userId="S::nicolas.lhuillier_rte-france.com#ext#@sintef.onmicrosoft.com::90231e90-2fd2-4cb6-b1f7-171ef6d1c433" providerId="AD" clId="Web-{9CE0182D-1716-92D7-1671-CCBA29588ABA}" dt="2026-06-18T13:36:52.917" v="5"/>
      <pc:docMkLst>
        <pc:docMk/>
      </pc:docMkLst>
      <pc:sldChg chg="modSp">
        <pc:chgData name="LHUILLIER Nicolas" userId="S::nicolas.lhuillier_rte-france.com#ext#@sintef.onmicrosoft.com::90231e90-2fd2-4cb6-b1f7-171ef6d1c433" providerId="AD" clId="Web-{9CE0182D-1716-92D7-1671-CCBA29588ABA}" dt="2026-06-18T13:36:52.917" v="5"/>
        <pc:sldMkLst>
          <pc:docMk/>
          <pc:sldMk cId="3765818103" sldId="375"/>
        </pc:sldMkLst>
        <pc:graphicFrameChg chg="mod modGraphic">
          <ac:chgData name="LHUILLIER Nicolas" userId="S::nicolas.lhuillier_rte-france.com#ext#@sintef.onmicrosoft.com::90231e90-2fd2-4cb6-b1f7-171ef6d1c433" providerId="AD" clId="Web-{9CE0182D-1716-92D7-1671-CCBA29588ABA}" dt="2026-06-18T13:36:52.917" v="5"/>
          <ac:graphicFrameMkLst>
            <pc:docMk/>
            <pc:sldMk cId="3765818103" sldId="375"/>
            <ac:graphicFrameMk id="4" creationId="{F68902A8-E9D1-3D1B-5E79-41C87CBA69FA}"/>
          </ac:graphicFrameMkLst>
        </pc:graphicFrameChg>
      </pc:sldChg>
    </pc:docChg>
  </pc:docChgLst>
  <pc:docChgLst>
    <pc:chgData name="LHUILLIER Nicolas" userId="21bc2422-ffb1-42b3-a825-6d727849e528" providerId="ADAL" clId="{673426AB-61DF-4665-A864-61D12FD4D039}"/>
    <pc:docChg chg="custSel modSld">
      <pc:chgData name="LHUILLIER Nicolas" userId="21bc2422-ffb1-42b3-a825-6d727849e528" providerId="ADAL" clId="{673426AB-61DF-4665-A864-61D12FD4D039}" dt="2026-06-18T16:07:49.689" v="680" actId="478"/>
      <pc:docMkLst>
        <pc:docMk/>
      </pc:docMkLst>
      <pc:sldChg chg="addSp delSp modSp mod">
        <pc:chgData name="LHUILLIER Nicolas" userId="21bc2422-ffb1-42b3-a825-6d727849e528" providerId="ADAL" clId="{673426AB-61DF-4665-A864-61D12FD4D039}" dt="2026-05-26T14:26:42.324" v="28" actId="1076"/>
        <pc:sldMkLst>
          <pc:docMk/>
          <pc:sldMk cId="3688461587" sldId="356"/>
        </pc:sldMkLst>
      </pc:sldChg>
      <pc:sldChg chg="addSp delSp modSp mod">
        <pc:chgData name="LHUILLIER Nicolas" userId="21bc2422-ffb1-42b3-a825-6d727849e528" providerId="ADAL" clId="{673426AB-61DF-4665-A864-61D12FD4D039}" dt="2026-05-26T14:30:28.907" v="41" actId="1076"/>
        <pc:sldMkLst>
          <pc:docMk/>
          <pc:sldMk cId="756563796" sldId="361"/>
        </pc:sldMkLst>
      </pc:sldChg>
      <pc:sldChg chg="modSp mod">
        <pc:chgData name="LHUILLIER Nicolas" userId="21bc2422-ffb1-42b3-a825-6d727849e528" providerId="ADAL" clId="{673426AB-61DF-4665-A864-61D12FD4D039}" dt="2026-06-18T15:13:05.986" v="138" actId="20577"/>
        <pc:sldMkLst>
          <pc:docMk/>
          <pc:sldMk cId="2233033144" sldId="364"/>
        </pc:sldMkLst>
        <pc:spChg chg="mod">
          <ac:chgData name="LHUILLIER Nicolas" userId="21bc2422-ffb1-42b3-a825-6d727849e528" providerId="ADAL" clId="{673426AB-61DF-4665-A864-61D12FD4D039}" dt="2026-06-18T15:13:05.986" v="138" actId="20577"/>
          <ac:spMkLst>
            <pc:docMk/>
            <pc:sldMk cId="2233033144" sldId="364"/>
            <ac:spMk id="9" creationId="{30C05FE8-CA6A-FFF1-1A09-31EA99724D9E}"/>
          </ac:spMkLst>
        </pc:spChg>
        <pc:graphicFrameChg chg="mod">
          <ac:chgData name="LHUILLIER Nicolas" userId="21bc2422-ffb1-42b3-a825-6d727849e528" providerId="ADAL" clId="{673426AB-61DF-4665-A864-61D12FD4D039}" dt="2026-06-18T15:12:16.054" v="135" actId="403"/>
          <ac:graphicFrameMkLst>
            <pc:docMk/>
            <pc:sldMk cId="2233033144" sldId="364"/>
            <ac:graphicFrameMk id="3" creationId="{B42CF097-2270-0C1F-799A-AA509C1A850C}"/>
          </ac:graphicFrameMkLst>
        </pc:graphicFrameChg>
      </pc:sldChg>
      <pc:sldChg chg="addSp delSp modSp mod">
        <pc:chgData name="LHUILLIER Nicolas" userId="21bc2422-ffb1-42b3-a825-6d727849e528" providerId="ADAL" clId="{673426AB-61DF-4665-A864-61D12FD4D039}" dt="2026-06-18T16:07:49.689" v="680" actId="478"/>
        <pc:sldMkLst>
          <pc:docMk/>
          <pc:sldMk cId="1191536465" sldId="365"/>
        </pc:sldMkLst>
        <pc:picChg chg="add del mod">
          <ac:chgData name="LHUILLIER Nicolas" userId="21bc2422-ffb1-42b3-a825-6d727849e528" providerId="ADAL" clId="{673426AB-61DF-4665-A864-61D12FD4D039}" dt="2026-06-18T16:07:49.689" v="680" actId="478"/>
          <ac:picMkLst>
            <pc:docMk/>
            <pc:sldMk cId="1191536465" sldId="365"/>
            <ac:picMk id="3" creationId="{5FA95A81-6A80-9CD8-5BAD-9D603003E299}"/>
          </ac:picMkLst>
        </pc:picChg>
      </pc:sldChg>
      <pc:sldChg chg="modSp mod">
        <pc:chgData name="LHUILLIER Nicolas" userId="21bc2422-ffb1-42b3-a825-6d727849e528" providerId="ADAL" clId="{673426AB-61DF-4665-A864-61D12FD4D039}" dt="2026-06-18T16:07:01.715" v="678" actId="20577"/>
        <pc:sldMkLst>
          <pc:docMk/>
          <pc:sldMk cId="1900225666" sldId="368"/>
        </pc:sldMkLst>
        <pc:spChg chg="mod">
          <ac:chgData name="LHUILLIER Nicolas" userId="21bc2422-ffb1-42b3-a825-6d727849e528" providerId="ADAL" clId="{673426AB-61DF-4665-A864-61D12FD4D039}" dt="2026-06-18T16:07:01.715" v="678" actId="20577"/>
          <ac:spMkLst>
            <pc:docMk/>
            <pc:sldMk cId="1900225666" sldId="368"/>
            <ac:spMk id="3" creationId="{5BCBFF69-D88F-5F25-5615-B901A117086D}"/>
          </ac:spMkLst>
        </pc:spChg>
      </pc:sldChg>
      <pc:sldChg chg="modSp modAnim">
        <pc:chgData name="LHUILLIER Nicolas" userId="21bc2422-ffb1-42b3-a825-6d727849e528" providerId="ADAL" clId="{673426AB-61DF-4665-A864-61D12FD4D039}" dt="2026-06-18T15:16:49.338" v="260" actId="20577"/>
        <pc:sldMkLst>
          <pc:docMk/>
          <pc:sldMk cId="3497905158" sldId="374"/>
        </pc:sldMkLst>
        <pc:spChg chg="mod">
          <ac:chgData name="LHUILLIER Nicolas" userId="21bc2422-ffb1-42b3-a825-6d727849e528" providerId="ADAL" clId="{673426AB-61DF-4665-A864-61D12FD4D039}" dt="2026-06-18T15:16:49.338" v="260" actId="20577"/>
          <ac:spMkLst>
            <pc:docMk/>
            <pc:sldMk cId="3497905158" sldId="374"/>
            <ac:spMk id="4" creationId="{2C8E536D-8DD9-1917-73D6-D36FCE28C2E7}"/>
          </ac:spMkLst>
        </pc:spChg>
      </pc:sldChg>
      <pc:sldChg chg="addSp modSp mod">
        <pc:chgData name="LHUILLIER Nicolas" userId="21bc2422-ffb1-42b3-a825-6d727849e528" providerId="ADAL" clId="{673426AB-61DF-4665-A864-61D12FD4D039}" dt="2026-06-18T15:42:40.259" v="671" actId="207"/>
        <pc:sldMkLst>
          <pc:docMk/>
          <pc:sldMk cId="3765818103" sldId="375"/>
        </pc:sldMkLst>
        <pc:spChg chg="add mod">
          <ac:chgData name="LHUILLIER Nicolas" userId="21bc2422-ffb1-42b3-a825-6d727849e528" providerId="ADAL" clId="{673426AB-61DF-4665-A864-61D12FD4D039}" dt="2026-06-18T15:42:40.259" v="671" actId="207"/>
          <ac:spMkLst>
            <pc:docMk/>
            <pc:sldMk cId="3765818103" sldId="375"/>
            <ac:spMk id="5" creationId="{36E604DE-3C0B-992F-93B8-69169351930A}"/>
          </ac:spMkLst>
        </pc:spChg>
        <pc:graphicFrameChg chg="mod modGraphic">
          <ac:chgData name="LHUILLIER Nicolas" userId="21bc2422-ffb1-42b3-a825-6d727849e528" providerId="ADAL" clId="{673426AB-61DF-4665-A864-61D12FD4D039}" dt="2026-06-18T15:27:38.984" v="670" actId="114"/>
          <ac:graphicFrameMkLst>
            <pc:docMk/>
            <pc:sldMk cId="3765818103" sldId="375"/>
            <ac:graphicFrameMk id="4" creationId="{F68902A8-E9D1-3D1B-5E79-41C87CBA69FA}"/>
          </ac:graphicFrameMkLst>
        </pc:graphicFrame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D:\Users\durantealv\Documents\Sankey_local\Outil_MAESTRIO_local\FIGAROtesting\figaro_ev_experiment\EU_C29_direct_energy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fr-FR" baseline="0"/>
              <a:t>EU final </a:t>
            </a:r>
            <a:r>
              <a:rPr lang="fr-FR" baseline="0" err="1"/>
              <a:t>demand</a:t>
            </a:r>
            <a:r>
              <a:rPr lang="fr-FR" baseline="0"/>
              <a:t> </a:t>
            </a:r>
            <a:r>
              <a:rPr lang="fr-FR" baseline="0" err="1"/>
              <a:t>evolution</a:t>
            </a:r>
            <a:r>
              <a:rPr lang="fr-FR" baseline="0"/>
              <a:t> for CPA_C29  (relative to initial </a:t>
            </a:r>
            <a:r>
              <a:rPr lang="fr-FR" baseline="0" err="1"/>
              <a:t>year</a:t>
            </a:r>
            <a:r>
              <a:rPr lang="fr-FR" baseline="0"/>
              <a:t>)</a:t>
            </a:r>
            <a:endParaRPr lang="fr-FR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fr-FR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sc2_EU_FD_HH_evol!$A$54</c:f>
              <c:strCache>
                <c:ptCount val="1"/>
                <c:pt idx="0">
                  <c:v>ICEV</c:v>
                </c:pt>
              </c:strCache>
            </c:strRef>
          </c:tx>
          <c:spPr>
            <a:ln w="28575" cap="rnd">
              <a:solidFill>
                <a:srgbClr val="7030A0"/>
              </a:solidFill>
              <a:round/>
            </a:ln>
            <a:effectLst/>
          </c:spPr>
          <c:marker>
            <c:symbol val="none"/>
          </c:marker>
          <c:cat>
            <c:numRef>
              <c:f>sc2_EU_FD_HH_evol!$B$53:$AC$53</c:f>
              <c:numCache>
                <c:formatCode>General</c:formatCode>
                <c:ptCount val="28"/>
                <c:pt idx="0">
                  <c:v>2023</c:v>
                </c:pt>
                <c:pt idx="1">
                  <c:v>2024</c:v>
                </c:pt>
                <c:pt idx="2">
                  <c:v>2025</c:v>
                </c:pt>
                <c:pt idx="3">
                  <c:v>2026</c:v>
                </c:pt>
                <c:pt idx="4">
                  <c:v>2027</c:v>
                </c:pt>
                <c:pt idx="5">
                  <c:v>2028</c:v>
                </c:pt>
                <c:pt idx="6">
                  <c:v>2029</c:v>
                </c:pt>
                <c:pt idx="7">
                  <c:v>2030</c:v>
                </c:pt>
                <c:pt idx="8">
                  <c:v>2031</c:v>
                </c:pt>
                <c:pt idx="9">
                  <c:v>2032</c:v>
                </c:pt>
                <c:pt idx="10">
                  <c:v>2033</c:v>
                </c:pt>
                <c:pt idx="11">
                  <c:v>2034</c:v>
                </c:pt>
                <c:pt idx="12">
                  <c:v>2035</c:v>
                </c:pt>
                <c:pt idx="13">
                  <c:v>2036</c:v>
                </c:pt>
                <c:pt idx="14">
                  <c:v>2037</c:v>
                </c:pt>
                <c:pt idx="15">
                  <c:v>2038</c:v>
                </c:pt>
                <c:pt idx="16">
                  <c:v>2039</c:v>
                </c:pt>
                <c:pt idx="17">
                  <c:v>2040</c:v>
                </c:pt>
                <c:pt idx="18">
                  <c:v>2041</c:v>
                </c:pt>
                <c:pt idx="19">
                  <c:v>2042</c:v>
                </c:pt>
                <c:pt idx="20">
                  <c:v>2043</c:v>
                </c:pt>
                <c:pt idx="21">
                  <c:v>2044</c:v>
                </c:pt>
                <c:pt idx="22">
                  <c:v>2045</c:v>
                </c:pt>
                <c:pt idx="23">
                  <c:v>2046</c:v>
                </c:pt>
                <c:pt idx="24">
                  <c:v>2047</c:v>
                </c:pt>
                <c:pt idx="25">
                  <c:v>2048</c:v>
                </c:pt>
                <c:pt idx="26">
                  <c:v>2049</c:v>
                </c:pt>
                <c:pt idx="27">
                  <c:v>2050</c:v>
                </c:pt>
              </c:numCache>
            </c:numRef>
          </c:cat>
          <c:val>
            <c:numRef>
              <c:f>sc2_EU_FD_HH_evol!$B$54:$AC$54</c:f>
              <c:numCache>
                <c:formatCode>_-* #\ ##0.0_-;\-* #\ ##0.0_-;_-* "-"??_-;_-@_-</c:formatCode>
                <c:ptCount val="28"/>
                <c:pt idx="0">
                  <c:v>0.80094689652090068</c:v>
                </c:pt>
                <c:pt idx="1">
                  <c:v>0.76440513763744566</c:v>
                </c:pt>
                <c:pt idx="2">
                  <c:v>0.71971121684919537</c:v>
                </c:pt>
                <c:pt idx="3">
                  <c:v>0.66646549076659156</c:v>
                </c:pt>
                <c:pt idx="4">
                  <c:v>0.60514657602379462</c:v>
                </c:pt>
                <c:pt idx="5">
                  <c:v>0.53749126296314576</c:v>
                </c:pt>
                <c:pt idx="6">
                  <c:v>0.46620338119668464</c:v>
                </c:pt>
                <c:pt idx="7">
                  <c:v>0.39461166295781386</c:v>
                </c:pt>
                <c:pt idx="8">
                  <c:v>0.32610970282104451</c:v>
                </c:pt>
                <c:pt idx="9">
                  <c:v>0.26351646016732139</c:v>
                </c:pt>
                <c:pt idx="10">
                  <c:v>0.20871797114165869</c:v>
                </c:pt>
                <c:pt idx="11">
                  <c:v>0.1624910534098489</c:v>
                </c:pt>
                <c:pt idx="12">
                  <c:v>0.12470170963435671</c:v>
                </c:pt>
                <c:pt idx="13">
                  <c:v>9.4597431443734087E-2</c:v>
                </c:pt>
                <c:pt idx="14">
                  <c:v>7.1105518926296796E-2</c:v>
                </c:pt>
                <c:pt idx="15">
                  <c:v>5.3069190266738626E-2</c:v>
                </c:pt>
                <c:pt idx="16">
                  <c:v>3.9393936753187857E-2</c:v>
                </c:pt>
                <c:pt idx="17">
                  <c:v>2.9122091895657704E-2</c:v>
                </c:pt>
                <c:pt idx="18">
                  <c:v>2.1463009486134183E-2</c:v>
                </c:pt>
                <c:pt idx="19">
                  <c:v>1.578229074083071E-2</c:v>
                </c:pt>
                <c:pt idx="20">
                  <c:v>1.1585372754752779E-2</c:v>
                </c:pt>
                <c:pt idx="21">
                  <c:v>8.4933322216907137E-3</c:v>
                </c:pt>
                <c:pt idx="22">
                  <c:v>6.2204757366619559E-3</c:v>
                </c:pt>
                <c:pt idx="23">
                  <c:v>4.5525038736966188E-3</c:v>
                </c:pt>
                <c:pt idx="24">
                  <c:v>3.329931358764646E-3</c:v>
                </c:pt>
                <c:pt idx="25">
                  <c:v>2.4345343014940055E-3</c:v>
                </c:pt>
                <c:pt idx="26">
                  <c:v>1.7792431246361638E-3</c:v>
                </c:pt>
                <c:pt idx="27">
                  <c:v>1.2999098472392548E-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55B-4697-8543-C10C3490C74B}"/>
            </c:ext>
          </c:extLst>
        </c:ser>
        <c:ser>
          <c:idx val="1"/>
          <c:order val="1"/>
          <c:tx>
            <c:strRef>
              <c:f>sc2_EU_FD_HH_evol!$A$55</c:f>
              <c:strCache>
                <c:ptCount val="1"/>
                <c:pt idx="0">
                  <c:v>EV</c:v>
                </c:pt>
              </c:strCache>
            </c:strRef>
          </c:tx>
          <c:spPr>
            <a:ln w="28575" cap="rnd">
              <a:solidFill>
                <a:schemeClr val="tx2">
                  <a:lumMod val="50000"/>
                  <a:lumOff val="50000"/>
                </a:schemeClr>
              </a:solidFill>
              <a:round/>
            </a:ln>
            <a:effectLst/>
          </c:spPr>
          <c:marker>
            <c:symbol val="none"/>
          </c:marker>
          <c:cat>
            <c:numRef>
              <c:f>sc2_EU_FD_HH_evol!$B$53:$AC$53</c:f>
              <c:numCache>
                <c:formatCode>General</c:formatCode>
                <c:ptCount val="28"/>
                <c:pt idx="0">
                  <c:v>2023</c:v>
                </c:pt>
                <c:pt idx="1">
                  <c:v>2024</c:v>
                </c:pt>
                <c:pt idx="2">
                  <c:v>2025</c:v>
                </c:pt>
                <c:pt idx="3">
                  <c:v>2026</c:v>
                </c:pt>
                <c:pt idx="4">
                  <c:v>2027</c:v>
                </c:pt>
                <c:pt idx="5">
                  <c:v>2028</c:v>
                </c:pt>
                <c:pt idx="6">
                  <c:v>2029</c:v>
                </c:pt>
                <c:pt idx="7">
                  <c:v>2030</c:v>
                </c:pt>
                <c:pt idx="8">
                  <c:v>2031</c:v>
                </c:pt>
                <c:pt idx="9">
                  <c:v>2032</c:v>
                </c:pt>
                <c:pt idx="10">
                  <c:v>2033</c:v>
                </c:pt>
                <c:pt idx="11">
                  <c:v>2034</c:v>
                </c:pt>
                <c:pt idx="12">
                  <c:v>2035</c:v>
                </c:pt>
                <c:pt idx="13">
                  <c:v>2036</c:v>
                </c:pt>
                <c:pt idx="14">
                  <c:v>2037</c:v>
                </c:pt>
                <c:pt idx="15">
                  <c:v>2038</c:v>
                </c:pt>
                <c:pt idx="16">
                  <c:v>2039</c:v>
                </c:pt>
                <c:pt idx="17">
                  <c:v>2040</c:v>
                </c:pt>
                <c:pt idx="18">
                  <c:v>2041</c:v>
                </c:pt>
                <c:pt idx="19">
                  <c:v>2042</c:v>
                </c:pt>
                <c:pt idx="20">
                  <c:v>2043</c:v>
                </c:pt>
                <c:pt idx="21">
                  <c:v>2044</c:v>
                </c:pt>
                <c:pt idx="22">
                  <c:v>2045</c:v>
                </c:pt>
                <c:pt idx="23">
                  <c:v>2046</c:v>
                </c:pt>
                <c:pt idx="24">
                  <c:v>2047</c:v>
                </c:pt>
                <c:pt idx="25">
                  <c:v>2048</c:v>
                </c:pt>
                <c:pt idx="26">
                  <c:v>2049</c:v>
                </c:pt>
                <c:pt idx="27">
                  <c:v>2050</c:v>
                </c:pt>
              </c:numCache>
            </c:numRef>
          </c:cat>
          <c:val>
            <c:numRef>
              <c:f>sc2_EU_FD_HH_evol!$B$55:$AC$55</c:f>
              <c:numCache>
                <c:formatCode>_-* #\ ##0.0_-;\-* #\ ##0.0_-;_-* "-"??_-;_-@_-</c:formatCode>
                <c:ptCount val="28"/>
                <c:pt idx="0">
                  <c:v>0.19905310347909921</c:v>
                </c:pt>
                <c:pt idx="1">
                  <c:v>0.23522614469929609</c:v>
                </c:pt>
                <c:pt idx="2">
                  <c:v>0.27971118428962416</c:v>
                </c:pt>
                <c:pt idx="3">
                  <c:v>0.33273075911045458</c:v>
                </c:pt>
                <c:pt idx="4">
                  <c:v>0.39360143828372457</c:v>
                </c:pt>
                <c:pt idx="5">
                  <c:v>0.46066085895254383</c:v>
                </c:pt>
                <c:pt idx="6">
                  <c:v>0.53123540265582547</c:v>
                </c:pt>
                <c:pt idx="7">
                  <c:v>0.60199436929388395</c:v>
                </c:pt>
                <c:pt idx="8">
                  <c:v>0.66956670161294063</c:v>
                </c:pt>
                <c:pt idx="9">
                  <c:v>0.73110470045875042</c:v>
                </c:pt>
                <c:pt idx="10">
                  <c:v>0.78482377258677138</c:v>
                </c:pt>
                <c:pt idx="11">
                  <c:v>0.82994436582163855</c:v>
                </c:pt>
                <c:pt idx="12">
                  <c:v>0.86659367636778539</c:v>
                </c:pt>
                <c:pt idx="13">
                  <c:v>0.89551954089488706</c:v>
                </c:pt>
                <c:pt idx="14">
                  <c:v>0.91778587092484731</c:v>
                </c:pt>
                <c:pt idx="15">
                  <c:v>0.93456482094050997</c:v>
                </c:pt>
                <c:pt idx="16">
                  <c:v>0.94696887603312141</c:v>
                </c:pt>
                <c:pt idx="17">
                  <c:v>0.9559223279570831</c:v>
                </c:pt>
                <c:pt idx="18">
                  <c:v>0.96227136122290668</c:v>
                </c:pt>
                <c:pt idx="19">
                  <c:v>0.96664454361179852</c:v>
                </c:pt>
                <c:pt idx="20">
                  <c:v>0.96952122322113676</c:v>
                </c:pt>
                <c:pt idx="21">
                  <c:v>0.97122623522134299</c:v>
                </c:pt>
                <c:pt idx="22">
                  <c:v>0.97206079383917898</c:v>
                </c:pt>
                <c:pt idx="23">
                  <c:v>0.97223555773775394</c:v>
                </c:pt>
                <c:pt idx="24">
                  <c:v>0.97190817846595057</c:v>
                </c:pt>
                <c:pt idx="25">
                  <c:v>0.97115235218399021</c:v>
                </c:pt>
                <c:pt idx="26">
                  <c:v>0.97005777814563687</c:v>
                </c:pt>
                <c:pt idx="27">
                  <c:v>0.9686640578927823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55B-4697-8543-C10C3490C74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594789656"/>
        <c:axId val="594771296"/>
      </c:lineChart>
      <c:catAx>
        <c:axId val="59478965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0" spcFirstLastPara="1" vertOverflow="ellipsis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594771296"/>
        <c:crosses val="autoZero"/>
        <c:auto val="1"/>
        <c:lblAlgn val="ctr"/>
        <c:lblOffset val="100"/>
        <c:tickLblSkip val="3"/>
        <c:tickMarkSkip val="1"/>
        <c:noMultiLvlLbl val="0"/>
      </c:catAx>
      <c:valAx>
        <c:axId val="594771296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\ ##0.0_-;\-* #\ ##0.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fr-FR"/>
          </a:p>
        </c:txPr>
        <c:crossAx val="594789656"/>
        <c:crosses val="autoZero"/>
        <c:crossBetween val="between"/>
        <c:majorUnit val="0.2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fr-FR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fr-FR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19.06.2026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19.06.2026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/>
              <a:t>Use agriculture as the most intuitive example. Highlight that the mechanism has two effects: quantity effects through sectoral output and employment/income multipliers, and price effects through food costs and group-specific baskets. </a:t>
            </a:r>
            <a:r>
              <a:rPr lang="en-US" err="1"/>
              <a:t>Emphasise</a:t>
            </a:r>
            <a:r>
              <a:rPr lang="en-US"/>
              <a:t> that the IO contribution is to keep the price and final demand vector in the same product classification.</a:t>
            </a:r>
          </a:p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D78DFB2-EE00-4A29-9252-1802A1CAD768}" type="slidenum">
              <a:rPr lang="nb-NO" smtClean="0"/>
              <a:t>10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0424752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Calibri Light"/>
                <a:ea typeface="Calibri Light"/>
                <a:cs typeface="Calibri Light"/>
              </a:rPr>
              <a:t>Three main open-source R packages:</a:t>
            </a:r>
            <a:endParaRPr lang="en-GB">
              <a:ea typeface="Calibri Light" panose="020F0302020204030204" pitchFamily="34" charset="0"/>
            </a:endParaRPr>
          </a:p>
          <a:p>
            <a:pPr lvl="1">
              <a:buFont typeface="Courier New" panose="020B0604020202020204" pitchFamily="34" charset="0"/>
              <a:buChar char="o"/>
            </a:pPr>
            <a:r>
              <a:rPr lang="en-GB" b="1" err="1">
                <a:latin typeface="Calibri Light"/>
                <a:ea typeface="Calibri Light"/>
                <a:cs typeface="Calibri Light"/>
              </a:rPr>
              <a:t>maestrio</a:t>
            </a:r>
            <a:r>
              <a:rPr lang="en-GB" b="1">
                <a:latin typeface="Calibri Light"/>
                <a:ea typeface="Calibri Light"/>
                <a:cs typeface="Calibri Light"/>
              </a:rPr>
              <a:t>-core</a:t>
            </a:r>
            <a:r>
              <a:rPr lang="en-GB">
                <a:latin typeface="Calibri Light"/>
                <a:ea typeface="Calibri Light"/>
                <a:cs typeface="Calibri Light"/>
              </a:rPr>
              <a:t> (study management, general computation, basic plots)</a:t>
            </a:r>
            <a:endParaRPr lang="en-GB">
              <a:ea typeface="Calibri Light"/>
            </a:endParaRPr>
          </a:p>
          <a:p>
            <a:pPr lvl="1">
              <a:buFont typeface="Courier New" panose="020B0604020202020204" pitchFamily="34" charset="0"/>
              <a:buChar char="o"/>
            </a:pPr>
            <a:r>
              <a:rPr lang="en-GB" b="1" err="1">
                <a:latin typeface="Calibri Light"/>
                <a:ea typeface="Calibri Light"/>
                <a:cs typeface="Calibri Light"/>
              </a:rPr>
              <a:t>maestrio-dataprocessing</a:t>
            </a:r>
            <a:r>
              <a:rPr lang="en-GB">
                <a:latin typeface="Calibri Light"/>
                <a:ea typeface="Calibri Light"/>
                <a:cs typeface="Calibri Light"/>
              </a:rPr>
              <a:t> (easing preprocessing of SUT data)</a:t>
            </a:r>
            <a:endParaRPr lang="en-GB">
              <a:ea typeface="Calibri Light"/>
            </a:endParaRPr>
          </a:p>
          <a:p>
            <a:pPr lvl="1">
              <a:buFont typeface="Courier New" panose="020B0604020202020204" pitchFamily="34" charset="0"/>
              <a:buChar char="o"/>
            </a:pPr>
            <a:r>
              <a:rPr lang="en-GB" b="1" err="1">
                <a:latin typeface="Calibri Light"/>
                <a:ea typeface="Calibri Light"/>
                <a:cs typeface="Calibri Light"/>
              </a:rPr>
              <a:t>maestrio-scenariosetup</a:t>
            </a:r>
            <a:r>
              <a:rPr lang="en-GB">
                <a:latin typeface="Calibri Light"/>
                <a:ea typeface="Calibri Light"/>
                <a:cs typeface="Calibri Light"/>
              </a:rPr>
              <a:t> (allowing excel-based scenario configuration)</a:t>
            </a:r>
            <a:endParaRPr lang="en-GB">
              <a:ea typeface="Calibri Light"/>
            </a:endParaRPr>
          </a:p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5068573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sv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sv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sv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GB"/>
              <a:t>Click icon to add pictur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nb-NO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C3F93DF-77C2-8B2B-7AD7-C78ABD1C9D8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8317AFB-528B-2CD7-8E6E-72ECD993550E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AFB6C125-1207-446C-80A1-D84D8C1BCF7B}" type="datetime1">
              <a:rPr lang="en-GB" smtClean="0"/>
              <a:t>19/06/2026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AA01896-05FF-374D-610F-101C877B6E9B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00F2EC0D-E6E1-D8C6-1E76-12C716917217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A6A8B95-4578-BD68-AB8F-98DB49CFD74D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D22E8C3-67D7-43A8-A128-3B25961B0229}" type="datetime1">
              <a:rPr lang="en-GB" smtClean="0"/>
              <a:t>19/06/2026</a:t>
            </a:fld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A250F37-0F6D-5D09-09AA-307FD40B12A3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51CA9CF-018B-A7F6-7331-0403F1521549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7A65D5F-01ED-B738-E3E8-2A7330B0066B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4049DC05-7E59-4595-BF67-AB3451C86DC3}" type="datetime1">
              <a:rPr lang="en-GB" smtClean="0"/>
              <a:t>19/06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80EF2A-D9F4-E566-1F87-8E52112E967E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619313-A68D-CD90-B62A-8563CDACFEBE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67BC008-F171-60A6-F767-2CCA9725DF46}"/>
              </a:ext>
            </a:extLst>
          </p:cNvPr>
          <p:cNvSpPr>
            <a:spLocks noGrp="1"/>
          </p:cNvSpPr>
          <p:nvPr>
            <p:ph type="dt" sz="half" idx="34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09CC3635-76BB-4BF5-8B87-BA929BCB2BDA}" type="datetime1">
              <a:rPr lang="en-GB" smtClean="0"/>
              <a:t>19/06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1F6CA7D-DA76-6A0A-D5D0-34FB1277FC5E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81844CB-D118-2AD0-DAD1-73F935DB6FA8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icon to add picture</a:t>
            </a:r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icon to add picture</a:t>
            </a:r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icon to add picture</a:t>
            </a:r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icon to add picture</a:t>
            </a:r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607F2A-B944-98FB-CAC2-D9A4F5592B73}"/>
              </a:ext>
            </a:extLst>
          </p:cNvPr>
          <p:cNvSpPr>
            <a:spLocks noGrp="1"/>
          </p:cNvSpPr>
          <p:nvPr>
            <p:ph type="dt" sz="half" idx="48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D366097B-E925-4A5C-ABA4-278FDF0D47D6}" type="datetime1">
              <a:rPr lang="en-GB" smtClean="0"/>
              <a:t>19/06/2026</a:t>
            </a:fld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5B4DCF7-B49F-CAE3-E9F1-DE389943194E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31F5D8E-BBBA-56B8-F20E-673489E6078A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0526124-2E9C-0929-D044-6FA8C701BC39}"/>
              </a:ext>
            </a:extLst>
          </p:cNvPr>
          <p:cNvSpPr>
            <a:spLocks noGrp="1"/>
          </p:cNvSpPr>
          <p:nvPr>
            <p:ph type="dt" sz="half" idx="4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2EA664B0-5397-4FBA-9E16-EE8216CE579E}" type="datetime1">
              <a:rPr lang="en-GB" smtClean="0"/>
              <a:t>19/06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043C33F-737E-1FB3-B2D7-BB579F98102E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80A6D46-4D35-5FEE-FB68-B209AEBA1458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7680573-56D6-D035-D738-B8B7047CA170}"/>
              </a:ext>
            </a:extLst>
          </p:cNvPr>
          <p:cNvSpPr>
            <a:spLocks noGrp="1"/>
          </p:cNvSpPr>
          <p:nvPr>
            <p:ph type="dt" sz="half" idx="4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1B0DCBD9-278E-44F2-ACA0-8A64797675AB}" type="datetime1">
              <a:rPr lang="en-GB" smtClean="0"/>
              <a:t>19/06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3EF8E0-453F-7ACC-3F13-04FB3D738C1A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1B2B2E-987E-5E6A-505F-4E820529CDC0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523632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493EF1A-3D27-7F40-A097-1BF0DB5E146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FDFFCC2-3D84-4593-AB13-4C14003EF3FB}" type="datetime1">
              <a:rPr lang="en-GB" smtClean="0"/>
              <a:t>19/06/2026</a:t>
            </a:fld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A8342E54-CF39-2C2F-3FF2-CBE78ED05F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7F40761-3355-6DEB-69D6-B0E1A581CF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GB"/>
              <a:t>Click icon to add picture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6023F19-6759-EB69-636C-44309C22BD02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FE08D11-304F-1184-2C25-7FD7C9AA1992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4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1800" b="0">
                <a:solidFill>
                  <a:srgbClr val="779CAB"/>
                </a:solidFill>
                <a:latin typeface="Work Sans" pitchFamily="2" charset="0"/>
              </a:defRPr>
            </a:lvl1pPr>
          </a:lstStyle>
          <a:p>
            <a:r>
              <a:rPr lang="en-GB"/>
              <a:t>Add title/date her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Picture 7" descr="A picture containing text, logo, font, graphics&#10;&#10;Description automatically generated">
            <a:extLst>
              <a:ext uri="{FF2B5EF4-FFF2-40B4-BE49-F238E27FC236}">
                <a16:creationId xmlns:a16="http://schemas.microsoft.com/office/drawing/2014/main" id="{FC2446A5-2517-D26D-BA1D-93694681566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60115" y="5960225"/>
            <a:ext cx="2331885" cy="897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9244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7">
            <a:extLst>
              <a:ext uri="{FF2B5EF4-FFF2-40B4-BE49-F238E27FC236}">
                <a16:creationId xmlns:a16="http://schemas.microsoft.com/office/drawing/2014/main" id="{EEDD0BA7-C436-7FE0-64B1-EBC49CF4FA2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6E4096-9A09-FBED-C1E7-FEFE02F1696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4F7272C-3E8B-A404-40E9-523547827B23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8B97A22-7072-4F9B-9DE7-1E83A7AB9B7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A8D0D5-4142-8923-1F30-87F81C50F26A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C80863-452E-DDE6-E33A-5291D515F20B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EB83B5-5908-DF89-41BA-94832817B52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0DDAD6-7EED-2A79-0861-380A9D499F5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03F8D64-F93E-F455-32CE-3A57D80E9D7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3967094-01B1-45D1-9944-31A2A162C8C6}" type="datetime1">
              <a:rPr lang="en-GB" smtClean="0"/>
              <a:t>19/06/2026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E5EF0-15AE-3421-AC6F-1ADC8040706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298708-0E76-B8DB-8A03-D4F4C16072A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03F8D64-F93E-F455-32CE-3A57D80E9D7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3967094-01B1-45D1-9944-31A2A162C8C6}" type="datetime1">
              <a:rPr lang="en-GB" smtClean="0"/>
              <a:t>19/06/2026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E5EF0-15AE-3421-AC6F-1ADC8040706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298708-0E76-B8DB-8A03-D4F4C16072A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D08FDB28-774C-23CB-1CC9-933DDC719F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13721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7241673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4031018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375472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5C7DF1C5-A62B-48F2-8482-9AFA5987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384D90-5C07-187A-A1B0-2BE2AA4E3B1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BBDFA00-7788-447A-B334-FA68055BE64D}" type="datetime1">
              <a:rPr lang="en-GB" smtClean="0"/>
              <a:t>19/06/2026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3A824F-C3C0-D97F-72E5-E9754DEF17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55B705F1-BD8F-4927-980D-9E3C2377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97CFCE9-BBA5-0866-3CA6-D7F8D646353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16CA7195-AAB8-4928-9839-C501A92C2105}" type="datetime1">
              <a:rPr lang="en-GB" smtClean="0"/>
              <a:t>19/06/2026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17BBB58-110D-CC18-BEEE-93632D37B7D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1AA37A-999E-4B4B-2724-8437570614C1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04B3A031-5F5C-46BB-A4F4-AB617A4BF06C}" type="datetime1">
              <a:rPr lang="en-GB" smtClean="0"/>
              <a:t>19/06/2026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4425A62-A728-75FE-931A-03CC2664005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86C1D3CE-7FE4-8303-C7D1-E78F3DB6736D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0B8FCF5-3E95-1E3F-285C-C5DAF7CA64A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4522C5FB-E743-4798-AFDB-A3A1E18AE368}" type="datetime1">
              <a:rPr lang="en-GB" smtClean="0"/>
              <a:t>19/06/2026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52C034-A4ED-559F-F96D-A58145243BF3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C39BAE2E-9E4C-7793-750D-A6DE6203DC98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r>
              <a:rPr lang="en-GB"/>
              <a:t>Click icon to add media</a:t>
            </a:r>
            <a:endParaRPr lang="en-US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nb-NO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1" name="Footer Placeholder 7">
            <a:extLst>
              <a:ext uri="{FF2B5EF4-FFF2-40B4-BE49-F238E27FC236}">
                <a16:creationId xmlns:a16="http://schemas.microsoft.com/office/drawing/2014/main" id="{8A8CCE27-0A01-78FC-03C9-52789761530C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56D8A41F-02FF-3563-B403-D55BAB885E5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>
          <a:xfrm>
            <a:off x="720089" y="6354535"/>
            <a:ext cx="3424012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3F1B26-92FF-A9B2-0541-1DEC971DB688}"/>
              </a:ext>
            </a:extLst>
          </p:cNvPr>
          <p:cNvSpPr>
            <a:spLocks noGrp="1"/>
          </p:cNvSpPr>
          <p:nvPr>
            <p:ph type="dt" sz="half" idx="24"/>
          </p:nvPr>
        </p:nvSpPr>
        <p:spPr/>
        <p:txBody>
          <a:bodyPr/>
          <a:lstStyle/>
          <a:p>
            <a:fld id="{A2CBE8FD-58D9-49E4-9D23-3CEC244C2318}" type="datetime1">
              <a:rPr lang="en-GB" smtClean="0"/>
              <a:t>19/06/2026</a:t>
            </a:fld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EFE7DC1-8478-58B2-2E38-EE7D42E662B5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559A295-0954-EEFE-FD6A-BBA04AA836B4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27C87B-5930-D9C7-21C7-2F59B7E05AE4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fld id="{FDF9C192-C387-42FD-8BD9-9A9944608BE1}" type="datetime1">
              <a:rPr lang="en-GB" smtClean="0"/>
              <a:t>19/06/2026</a:t>
            </a:fld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81DBD8-2D30-328C-7D43-259AE529787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78DC7CE-05BD-5583-D019-652274D72538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8A3A639-6ED5-7B72-66AE-00BF199DFF6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fld id="{66FB4BA3-4BC6-405A-AB93-949378B28C45}" type="datetime1">
              <a:rPr lang="en-GB" smtClean="0"/>
              <a:t>19/06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8A22D10-4D31-01D9-103E-2D712C007ED3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64A305-1F05-F5FA-DD2A-6B6B8651E441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FCEFCA9-5C77-6FC7-C1D3-BDFAE7418E23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fld id="{76CBCE35-2925-4C47-99DC-E3B836D059DB}" type="datetime1">
              <a:rPr lang="en-GB" smtClean="0"/>
              <a:t>19/06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38524EF-0C84-3C0E-79E7-854BF696A26F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CFB7A33-319F-AA73-8D22-3EFD3252F619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F23B37-F05C-9266-FD9E-B10B59EA4B09}"/>
              </a:ext>
            </a:extLst>
          </p:cNvPr>
          <p:cNvSpPr>
            <a:spLocks noGrp="1"/>
          </p:cNvSpPr>
          <p:nvPr>
            <p:ph type="dt" sz="half" idx="48"/>
          </p:nvPr>
        </p:nvSpPr>
        <p:spPr/>
        <p:txBody>
          <a:bodyPr/>
          <a:lstStyle/>
          <a:p>
            <a:fld id="{264AC669-C3FB-4E1E-9C2E-01525FA56175}" type="datetime1">
              <a:rPr lang="en-GB" smtClean="0"/>
              <a:t>19/06/2026</a:t>
            </a:fld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3128C07-C056-E07A-BE84-746A8766051B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0DEC5-D1CD-5399-CDFF-E80E2575060F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D9754A88-59FE-61BF-7D2B-6E43655B172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76BA10D-9082-15DC-F04B-76C826DB02FA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0E4E60F7-6972-8FCD-B395-F74B81915230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C05A50BC-D84A-A4EA-E1A5-5EE8CD83F8F3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169EA12-CBDD-220C-3C2A-C519FE62790A}"/>
              </a:ext>
            </a:extLst>
          </p:cNvPr>
          <p:cNvSpPr>
            <a:spLocks noGrp="1"/>
          </p:cNvSpPr>
          <p:nvPr>
            <p:ph type="dt" sz="half" idx="47"/>
          </p:nvPr>
        </p:nvSpPr>
        <p:spPr/>
        <p:txBody>
          <a:bodyPr/>
          <a:lstStyle/>
          <a:p>
            <a:fld id="{B5FDC0EC-9B98-43BC-971F-06DBC0C7B4DE}" type="datetime1">
              <a:rPr lang="en-GB" smtClean="0"/>
              <a:t>19/06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8CA962E-ABAE-5929-2A92-D8576AF6DE99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6735A2-746B-BB91-E28B-94EAE44743E6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AF82568E-9680-BD27-1A10-0B3E8C200C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6B4663-1C26-4ACF-A1AF-ABF7385B4C07}" type="datetime1">
              <a:rPr lang="en-GB" smtClean="0"/>
              <a:t>19/06/2026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B943E699-9A98-54B8-82E7-94B0589AEB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C8ADE25-D952-C453-F0A9-C5D4D8C66D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61C583-FD5B-DD91-8170-84AAEB56302C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4711699" y="6354535"/>
            <a:ext cx="2743200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D1DC40E-A648-40F1-A353-A597090201CB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7E2B3-6F8D-E9A1-1C6C-3248325BBC5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35C8ABA7-40DD-3BD3-C33E-D98FD7DDB91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>
          <a:xfrm>
            <a:off x="720089" y="6354535"/>
            <a:ext cx="3424012" cy="215444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D8944F7-7F2C-0FC8-7CDE-26C5A9D04C6B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19/06/2026</a:t>
            </a:fld>
            <a:endParaRPr lang="en-GB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6C5ABF75-3B86-4CC2-2236-F56940AE6C7E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5EB08652-C334-CDFE-9645-08489344C5B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4591EBB-63A1-7AF6-AD12-3480E1D79DE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ADA4F026-9A27-4269-A22C-CAECB345659A}" type="datetime1">
              <a:rPr lang="en-GB" smtClean="0"/>
              <a:t>19/06/2026</a:t>
            </a:fld>
            <a:endParaRPr lang="nb-NO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C39F5B-006F-0AE4-AE38-1C0F9343E86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FBBF87F7-F367-706C-1EF1-31510A1B9DB7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Rød">
    <p:bg>
      <p:bgPr>
        <a:solidFill>
          <a:srgbClr val="DE9D9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EDB0B6-0952-8308-67B4-5FF61ED0CAE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2492B35E-8725-4B85-ACE0-0B3BF8B53C30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147BDF-8B4A-A73D-84DD-73FFC7E92C7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B85DCE-7594-27BF-71E8-647ED796DDA0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5628350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E04267-51A5-4300-B1A3-345A67D0D39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D54E3CD1-6414-4BF0-AE22-C375EEABA93A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DB9-E2A7-5147-0D09-6C7B99412E6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AFADEB-E1F3-D483-7A5E-FA1241E5677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9E3687-A4D4-8578-9891-A3DA560145A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D5D608-F19B-41E5-A400-B804F2461729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C31927-AD98-66DE-D978-26CF854123D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144B83-CD2B-7ACA-A1C5-2DE1A2257515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367B78-1844-893D-615B-CD579150B031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5A8ED38C-CA55-43B9-9D78-85D8C99AB1A6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CEE7-DBA2-5473-B933-F8F1A22876C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EF9CCC-8657-41EA-4A62-855BF6A131D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05D46A-57DD-EA59-5469-A6B29CB5CE43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F78BB82D-495D-4125-A6BB-DFA3C1D92BAB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333820-83DD-EBD4-9A3E-7157895EE35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148AE9-5E31-1926-0092-90FDBC7839D4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ul">
    <p:bg>
      <p:bgPr>
        <a:solidFill>
          <a:srgbClr val="EAD7A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831693-056A-E20B-097E-D984CADBB4F9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52785E9-A8FE-4508-A666-AEBF4A007D5F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50927A-CE72-B2BF-0899-A3E0B10E06F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B2BEFA-1F51-4FEF-B780-1D3D379401AA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6579914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26151A-6B8F-6371-6B17-699D46AD2538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B97C47F6-C099-4380-9B24-E0FAA90A6E18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53F787-3D9D-8555-93E4-ECDC90418A8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A15301-DC43-AC33-45A9-266C5AE6572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Lilla">
    <p:bg>
      <p:bgPr>
        <a:solidFill>
          <a:srgbClr val="BB7FA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23B9C5-BF62-191C-E2E2-81AD277F242F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6E03BC1-3013-4E61-AC35-809728F41546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521AD-2E85-FCC5-6DF6-9BE9491D599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02950E-C60F-73CE-637F-C039AB3AA3A4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269628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D8944F7-7F2C-0FC8-7CDE-26C5A9D04C6B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19/06/2026</a:t>
            </a:fld>
            <a:endParaRPr lang="en-GB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6C5ABF75-3B86-4CC2-2236-F56940AE6C7E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5EB08652-C334-CDFE-9645-08489344C5B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471350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GB"/>
              <a:t>Click icon to add picture</a:t>
            </a:r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nb-NO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7207310-D9A2-20F9-D03E-AB79FFAF639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19/06/2026</a:t>
            </a:fld>
            <a:endParaRPr lang="en-GB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73241680-A1A9-2F83-7BD1-6296B6E2420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6E92FFB3-C53C-54C9-EE84-995C8273CE8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19/06/2026</a:t>
            </a:fld>
            <a:endParaRPr lang="en-GB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DA9438E0-40CA-31FB-98A4-256B75C70BA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4FFAD5BB-20BF-7CCA-B07B-F051521F684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4A894F9D-362B-75C6-D748-87BF776712E9}"/>
              </a:ext>
            </a:extLst>
          </p:cNvPr>
          <p:cNvSpPr>
            <a:spLocks noGrp="1"/>
          </p:cNvSpPr>
          <p:nvPr>
            <p:ph type="dt" sz="half" idx="21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431B6F4-3ECB-4139-B9E2-7C612601C39F}" type="datetime1">
              <a:rPr lang="en-GB" smtClean="0"/>
              <a:t>19/06/2026</a:t>
            </a:fld>
            <a:endParaRPr lang="en-GB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2DAD4FD-D9C4-10C8-F38F-E78379D8D9B5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AF55F553-7642-0947-2C76-FB38484F2E75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4" name="Date Placeholder 13">
            <a:extLst>
              <a:ext uri="{FF2B5EF4-FFF2-40B4-BE49-F238E27FC236}">
                <a16:creationId xmlns:a16="http://schemas.microsoft.com/office/drawing/2014/main" id="{E96FC8D7-2851-46A5-E0B9-823151359D6B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0754A6D-4980-46C9-969C-7F447FFD292E}" type="datetime1">
              <a:rPr lang="en-GB" smtClean="0"/>
              <a:t>19/06/2026</a:t>
            </a:fld>
            <a:endParaRPr lang="en-GB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C0B5D320-6B15-DF07-9150-C00F0D8641B8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851E2F86-1169-75B2-8382-DAAF775EDCBF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sv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18" Type="http://schemas.openxmlformats.org/officeDocument/2006/relationships/slideLayout" Target="../slideLayouts/slideLayout38.xml"/><Relationship Id="rId3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17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2.xml"/><Relationship Id="rId16" Type="http://schemas.openxmlformats.org/officeDocument/2006/relationships/slideLayout" Target="../slideLayouts/slideLayout36.xml"/><Relationship Id="rId20" Type="http://schemas.openxmlformats.org/officeDocument/2006/relationships/image" Target="../media/image6.svg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5" Type="http://schemas.openxmlformats.org/officeDocument/2006/relationships/slideLayout" Target="../slideLayouts/slideLayout35.xml"/><Relationship Id="rId10" Type="http://schemas.openxmlformats.org/officeDocument/2006/relationships/slideLayout" Target="../slideLayouts/slideLayout30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slideLayout" Target="../slideLayouts/slideLayout34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6.xml"/><Relationship Id="rId3" Type="http://schemas.openxmlformats.org/officeDocument/2006/relationships/slideLayout" Target="../slideLayouts/slideLayout41.xml"/><Relationship Id="rId7" Type="http://schemas.openxmlformats.org/officeDocument/2006/relationships/slideLayout" Target="../slideLayouts/slideLayout45.xml"/><Relationship Id="rId12" Type="http://schemas.openxmlformats.org/officeDocument/2006/relationships/image" Target="../media/image1.svg"/><Relationship Id="rId2" Type="http://schemas.openxmlformats.org/officeDocument/2006/relationships/slideLayout" Target="../slideLayouts/slideLayout40.xml"/><Relationship Id="rId1" Type="http://schemas.openxmlformats.org/officeDocument/2006/relationships/slideLayout" Target="../slideLayouts/slideLayout39.xml"/><Relationship Id="rId6" Type="http://schemas.openxmlformats.org/officeDocument/2006/relationships/slideLayout" Target="../slideLayouts/slideLayout44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43.xml"/><Relationship Id="rId10" Type="http://schemas.openxmlformats.org/officeDocument/2006/relationships/slideLayout" Target="../slideLayouts/slideLayout48.xml"/><Relationship Id="rId4" Type="http://schemas.openxmlformats.org/officeDocument/2006/relationships/slideLayout" Target="../slideLayouts/slideLayout42.xml"/><Relationship Id="rId9" Type="http://schemas.openxmlformats.org/officeDocument/2006/relationships/slideLayout" Target="../slideLayouts/slideLayout4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7BA7305-638B-3249-16EB-C932905557C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217791FF-8345-9E43-AA1B-1E129F7B9BA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fld id="{6B9BECD6-50EC-4711-B3AE-A33870D31CF8}" type="datetime1">
              <a:rPr lang="en-GB" smtClean="0"/>
              <a:t>19/06/20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795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749" r:id="rId15"/>
    <p:sldLayoutId id="2147483790" r:id="rId16"/>
    <p:sldLayoutId id="2147483696" r:id="rId17"/>
    <p:sldLayoutId id="2147483789" r:id="rId18"/>
    <p:sldLayoutId id="2147483668" r:id="rId19"/>
    <p:sldLayoutId id="2147483797" r:id="rId2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10752428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3087F5-780A-2366-343B-D7A1B7EC2D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400">
                <a:solidFill>
                  <a:schemeClr val="bg1"/>
                </a:solidFill>
              </a:defRPr>
            </a:lvl1pPr>
          </a:lstStyle>
          <a:p>
            <a:fld id="{66386087-7D14-4F7C-8027-BA853A3806D7}" type="datetime1">
              <a:rPr lang="en-GB" smtClean="0"/>
              <a:t>19/06/2026</a:t>
            </a:fld>
            <a:endParaRPr lang="en-GB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D8D9D493-117B-7A58-6E5A-2515C87497C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8BBD0072-14BB-4BD4-ABEF-A76685C831B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96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91" r:id="rId17"/>
    <p:sldLayoutId id="2147483784" r:id="rId18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699" y="635453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bg1"/>
                </a:solidFill>
              </a:defRPr>
            </a:lvl1pPr>
          </a:lstStyle>
          <a:p>
            <a:fld id="{5F37A0DF-35C9-4B0F-B10E-72D54C7E2955}" type="datetime1">
              <a:rPr lang="en-GB" smtClean="0"/>
              <a:t>19/06/2026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bg1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93" r:id="rId3"/>
    <p:sldLayoutId id="2147483710" r:id="rId4"/>
    <p:sldLayoutId id="2147483709" r:id="rId5"/>
    <p:sldLayoutId id="2147483711" r:id="rId6"/>
    <p:sldLayoutId id="2147483712" r:id="rId7"/>
    <p:sldLayoutId id="2147483792" r:id="rId8"/>
    <p:sldLayoutId id="2147483713" r:id="rId9"/>
    <p:sldLayoutId id="2147483794" r:id="rId1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5" Type="http://schemas.openxmlformats.org/officeDocument/2006/relationships/image" Target="../media/image10.png"/><Relationship Id="rId4" Type="http://schemas.openxmlformats.org/officeDocument/2006/relationships/hyperlink" Target="https://images.cartoonstock.com/previews/CS640582_preview.jpg" TargetMode="Externa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25.emf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0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20.xml"/><Relationship Id="rId4" Type="http://schemas.openxmlformats.org/officeDocument/2006/relationships/image" Target="../media/image2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0.xml"/><Relationship Id="rId4" Type="http://schemas.openxmlformats.org/officeDocument/2006/relationships/image" Target="../media/image2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8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theguardian.com/commentisfree/2026/jun/10/economists-maths-growth-doomed-strategy-un-agencies-political-leaders" TargetMode="External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Relationship Id="rId5" Type="http://schemas.openxmlformats.org/officeDocument/2006/relationships/hyperlink" Target="https://www.neep-poverty.org/roadmap-for-eradicating-poverty-beyond-growth/" TargetMode="External"/><Relationship Id="rId4" Type="http://schemas.openxmlformats.org/officeDocument/2006/relationships/image" Target="../media/image12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0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hyperlink" Target="https://images.cartoonstock.com/previews/CS640582_preview.jpg" TargetMode="External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9.png"/><Relationship Id="rId4" Type="http://schemas.openxmlformats.org/officeDocument/2006/relationships/image" Target="../media/image36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9.xml"/><Relationship Id="rId1" Type="http://schemas.openxmlformats.org/officeDocument/2006/relationships/tags" Target="../tags/tag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1088/1748-9326/ADC9C6" TargetMode="External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Relationship Id="rId5" Type="http://schemas.openxmlformats.org/officeDocument/2006/relationships/hyperlink" Target="https://www.neep-poverty.org/wp-content/uploads/2026/04/6.4_Democratising-the-macroeconomic-modelling-toolbox_WEBSITE.pdf" TargetMode="External"/><Relationship Id="rId4" Type="http://schemas.openxmlformats.org/officeDocument/2006/relationships/hyperlink" Target="https://doi.org/10.5281/ZENODO.8370002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0.xml"/><Relationship Id="rId4" Type="http://schemas.openxmlformats.org/officeDocument/2006/relationships/hyperlink" Target="https://images.cartoonstock.com/lowres/music-conductor-conducting-symphony-planets-space-CS593128_low.jpg" TargetMode="Externa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6B71C4A-5C5B-0F89-7D30-6D0352D8EE5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-1" y="3821445"/>
            <a:ext cx="8546841" cy="2074529"/>
          </a:xfrm>
        </p:spPr>
        <p:txBody>
          <a:bodyPr/>
          <a:lstStyle/>
          <a:p>
            <a:endParaRPr lang="en-GB"/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6A3DDAB3-5855-3F9D-CF22-7CB003F2AEE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89" y="4931786"/>
            <a:ext cx="8321273" cy="676275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en-GB"/>
              <a:t>Kirsten Wiebe, Fabian Aponte, Meron Arega – SINTEF</a:t>
            </a:r>
          </a:p>
          <a:p>
            <a:r>
              <a:rPr lang="en-GB">
                <a:cs typeface="Calibri Light"/>
              </a:rPr>
              <a:t>Nicolas Lhuillier, Alvaro Durante - RTE</a:t>
            </a:r>
            <a:endParaRPr lang="en-GB">
              <a:ea typeface="Calibri"/>
              <a:cs typeface="Calibri Light"/>
            </a:endParaRPr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C3A916A5-A7C2-F8EF-076B-B6AB54753A4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20088" y="2538263"/>
            <a:ext cx="5960112" cy="1938992"/>
          </a:xfrm>
        </p:spPr>
        <p:txBody>
          <a:bodyPr/>
          <a:lstStyle/>
          <a:p>
            <a:r>
              <a:rPr lang="en-GB" sz="2800"/>
              <a:t>MAESTRIO</a:t>
            </a:r>
            <a:br>
              <a:rPr lang="en-GB" sz="2800" b="0"/>
            </a:br>
            <a:br>
              <a:rPr lang="en-GB" sz="2800" b="0"/>
            </a:br>
            <a:r>
              <a:rPr lang="en-GB" sz="2800" b="0"/>
              <a:t>Developing an open-source</a:t>
            </a:r>
            <a:r>
              <a:rPr lang="en-GB" sz="2800"/>
              <a:t> </a:t>
            </a:r>
            <a:r>
              <a:rPr lang="en-GB" sz="2800" err="1"/>
              <a:t>MA</a:t>
            </a:r>
            <a:r>
              <a:rPr lang="en-GB" sz="2800" b="0" err="1"/>
              <a:t>cro</a:t>
            </a:r>
            <a:r>
              <a:rPr lang="en-GB" sz="2800" err="1"/>
              <a:t>E</a:t>
            </a:r>
            <a:r>
              <a:rPr lang="en-GB" sz="2800" b="0" err="1"/>
              <a:t>conomic</a:t>
            </a:r>
            <a:r>
              <a:rPr lang="en-GB" sz="2800"/>
              <a:t> S</a:t>
            </a:r>
            <a:r>
              <a:rPr lang="en-GB" sz="2800" b="0"/>
              <a:t>ustainability</a:t>
            </a:r>
            <a:r>
              <a:rPr lang="en-GB" sz="2800"/>
              <a:t> </a:t>
            </a:r>
            <a:r>
              <a:rPr lang="en-GB" sz="2800" err="1"/>
              <a:t>TR</a:t>
            </a:r>
            <a:r>
              <a:rPr lang="en-GB" sz="2800" b="0" err="1"/>
              <a:t>ajectory</a:t>
            </a:r>
            <a:r>
              <a:rPr lang="en-GB" sz="2800" b="0"/>
              <a:t> model with </a:t>
            </a:r>
            <a:r>
              <a:rPr lang="en-GB" sz="2800"/>
              <a:t>I</a:t>
            </a:r>
            <a:r>
              <a:rPr lang="en-GB" sz="2800" b="0"/>
              <a:t>nput-</a:t>
            </a:r>
            <a:r>
              <a:rPr lang="en-GB" sz="2800"/>
              <a:t>O</a:t>
            </a:r>
            <a:r>
              <a:rPr lang="en-GB" sz="2800" b="0"/>
              <a:t>utput</a:t>
            </a:r>
            <a:r>
              <a:rPr lang="en-GB" sz="2800"/>
              <a:t> </a:t>
            </a:r>
            <a:endParaRPr lang="en-GB" sz="2800" b="0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33084687-7221-0946-B72A-2F8C5E8AA6EB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/>
              <a:t>SINTEF - Technology for a better society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BE9B9707-6CAF-F2C9-65B6-5EF020E07809}"/>
              </a:ext>
            </a:extLst>
          </p:cNvPr>
          <p:cNvGrpSpPr/>
          <p:nvPr/>
        </p:nvGrpSpPr>
        <p:grpSpPr>
          <a:xfrm>
            <a:off x="7974437" y="-4737"/>
            <a:ext cx="4023108" cy="3538269"/>
            <a:chOff x="7974437" y="-4737"/>
            <a:chExt cx="4023108" cy="3538269"/>
          </a:xfrm>
        </p:grpSpPr>
        <p:pic>
          <p:nvPicPr>
            <p:cNvPr id="10" name="Picture 9" descr="Maestronomad">
              <a:extLst>
                <a:ext uri="{FF2B5EF4-FFF2-40B4-BE49-F238E27FC236}">
                  <a16:creationId xmlns:a16="http://schemas.microsoft.com/office/drawing/2014/main" id="{8A7B9EC7-6C33-A768-6023-EA3DD1CC7D9D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7974437" y="-4737"/>
              <a:ext cx="4023108" cy="3538269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44A1A606-CE70-02E1-E678-06EE2EDBB5FD}"/>
                </a:ext>
              </a:extLst>
            </p:cNvPr>
            <p:cNvSpPr txBox="1"/>
            <p:nvPr/>
          </p:nvSpPr>
          <p:spPr>
            <a:xfrm>
              <a:off x="9058921" y="95747"/>
              <a:ext cx="2929113" cy="20005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GB" sz="700">
                  <a:solidFill>
                    <a:schemeClr val="bg1">
                      <a:lumMod val="85000"/>
                    </a:schemeClr>
                  </a:solidFill>
                  <a:hlinkClick r:id="rId4">
                    <a:extLst>
                      <a:ext uri="{A12FA001-AC4F-418D-AE19-62706E023703}">
                        <ahyp:hlinkClr xmlns:ahyp="http://schemas.microsoft.com/office/drawing/2018/hyperlinkcolor" val="tx"/>
                      </a:ext>
                    </a:extLst>
                  </a:hlinkClick>
                </a:rPr>
                <a:t>https://images.cartoonstock.com/previews/CS640582_preview.jpg</a:t>
              </a:r>
              <a:r>
                <a:rPr lang="en-GB" sz="700">
                  <a:solidFill>
                    <a:schemeClr val="bg1">
                      <a:lumMod val="85000"/>
                    </a:schemeClr>
                  </a:solidFill>
                </a:rPr>
                <a:t> </a:t>
              </a:r>
            </a:p>
          </p:txBody>
        </p:sp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C64CDD78-1D6C-C956-F476-5FC27FFB8B2C}"/>
                </a:ext>
              </a:extLst>
            </p:cNvPr>
            <p:cNvSpPr txBox="1"/>
            <p:nvPr/>
          </p:nvSpPr>
          <p:spPr>
            <a:xfrm>
              <a:off x="9699945" y="2723552"/>
              <a:ext cx="22556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2000">
                  <a:solidFill>
                    <a:schemeClr val="accent6">
                      <a:lumMod val="60000"/>
                      <a:lumOff val="40000"/>
                    </a:schemeClr>
                  </a:solidFill>
                  <a:latin typeface="MV Boli" panose="02000500030200090000" pitchFamily="2" charset="0"/>
                  <a:cs typeface="MV Boli" panose="02000500030200090000" pitchFamily="2" charset="0"/>
                </a:rPr>
                <a:t>i</a:t>
              </a:r>
              <a:endParaRPr lang="en-GB">
                <a:solidFill>
                  <a:schemeClr val="accent6">
                    <a:lumMod val="60000"/>
                    <a:lumOff val="40000"/>
                  </a:schemeClr>
                </a:solidFill>
                <a:latin typeface="MV Boli" panose="02000500030200090000" pitchFamily="2" charset="0"/>
                <a:cs typeface="MV Boli" panose="02000500030200090000" pitchFamily="2" charset="0"/>
              </a:endParaRPr>
            </a:p>
          </p:txBody>
        </p:sp>
      </p:grpSp>
      <p:pic>
        <p:nvPicPr>
          <p:cNvPr id="4" name="Picture 3">
            <a:extLst>
              <a:ext uri="{FF2B5EF4-FFF2-40B4-BE49-F238E27FC236}">
                <a16:creationId xmlns:a16="http://schemas.microsoft.com/office/drawing/2014/main" id="{8C052673-6100-2C37-5051-6D56FDCBD13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77911" y="12397"/>
            <a:ext cx="2218844" cy="131252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195487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1">
            <a:extLst>
              <a:ext uri="{FF2B5EF4-FFF2-40B4-BE49-F238E27FC236}">
                <a16:creationId xmlns:a16="http://schemas.microsoft.com/office/drawing/2014/main" id="{CF66F1CB-3F80-F8EF-69BA-C42DBA8FA7DB}"/>
              </a:ext>
            </a:extLst>
          </p:cNvPr>
          <p:cNvSpPr txBox="1">
            <a:spLocks/>
          </p:cNvSpPr>
          <p:nvPr/>
        </p:nvSpPr>
        <p:spPr>
          <a:xfrm>
            <a:off x="1892299" y="40379"/>
            <a:ext cx="9559779" cy="1207301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kern="1200">
                <a:solidFill>
                  <a:srgbClr val="4A314D"/>
                </a:solidFill>
                <a:latin typeface="Work Sans" pitchFamily="2" charset="0"/>
                <a:ea typeface="+mj-ea"/>
                <a:cs typeface="+mj-cs"/>
              </a:defRPr>
            </a:lvl1pPr>
          </a:lstStyle>
          <a:p>
            <a:r>
              <a:rPr lang="nb-NO"/>
              <a:t>Loop </a:t>
            </a:r>
            <a:r>
              <a:rPr lang="nb-NO" err="1"/>
              <a:t>mechanisms</a:t>
            </a:r>
            <a:br>
              <a:rPr lang="nb-NO"/>
            </a:br>
            <a:r>
              <a:rPr lang="en-US" sz="2700"/>
              <a:t>Channel 1: Agriculture and food prices</a:t>
            </a:r>
            <a:endParaRPr lang="nb-NO"/>
          </a:p>
        </p:txBody>
      </p:sp>
      <p:pic>
        <p:nvPicPr>
          <p:cNvPr id="6" name="Bilde 5" descr="Et bilde som inneholder tekst, diagram, plan, Teknisk tegning&#10;&#10;KI-generert innhold kan være feil.">
            <a:extLst>
              <a:ext uri="{FF2B5EF4-FFF2-40B4-BE49-F238E27FC236}">
                <a16:creationId xmlns:a16="http://schemas.microsoft.com/office/drawing/2014/main" id="{1BD09C2D-A1E3-00DD-72B3-29F2DA8927D4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b="13665"/>
          <a:stretch>
            <a:fillRect/>
          </a:stretch>
        </p:blipFill>
        <p:spPr>
          <a:xfrm>
            <a:off x="5808977" y="1681747"/>
            <a:ext cx="5851760" cy="3494506"/>
          </a:xfrm>
          <a:prstGeom prst="rect">
            <a:avLst/>
          </a:prstGeom>
        </p:spPr>
      </p:pic>
      <p:sp>
        <p:nvSpPr>
          <p:cNvPr id="7" name="Text 4">
            <a:extLst>
              <a:ext uri="{FF2B5EF4-FFF2-40B4-BE49-F238E27FC236}">
                <a16:creationId xmlns:a16="http://schemas.microsoft.com/office/drawing/2014/main" id="{9B74B2D5-D4B0-C206-E60F-C3F6A284E962}"/>
              </a:ext>
            </a:extLst>
          </p:cNvPr>
          <p:cNvSpPr/>
          <p:nvPr/>
        </p:nvSpPr>
        <p:spPr>
          <a:xfrm>
            <a:off x="1037289" y="1740167"/>
            <a:ext cx="2194560" cy="256032"/>
          </a:xfrm>
          <a:prstGeom prst="rect">
            <a:avLst/>
          </a:prstGeom>
          <a:noFill/>
          <a:ln/>
        </p:spPr>
        <p:txBody>
          <a:bodyPr wrap="square" lIns="254" tIns="254" rIns="254" bIns="254" rtlCol="0" anchor="t">
            <a:normAutofit lnSpcReduction="10000"/>
          </a:bodyPr>
          <a:lstStyle/>
          <a:p>
            <a:pPr marL="0" indent="0" algn="l">
              <a:buNone/>
            </a:pPr>
            <a:r>
              <a:rPr lang="en-US" b="1">
                <a:solidFill>
                  <a:srgbClr val="4A314D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Data needed</a:t>
            </a:r>
            <a:endParaRPr lang="en-US">
              <a:solidFill>
                <a:srgbClr val="4A314D"/>
              </a:solidFill>
              <a:latin typeface="Work Sans" pitchFamily="2" charset="0"/>
            </a:endParaRPr>
          </a:p>
        </p:txBody>
      </p:sp>
      <p:sp>
        <p:nvSpPr>
          <p:cNvPr id="8" name="Text 5">
            <a:extLst>
              <a:ext uri="{FF2B5EF4-FFF2-40B4-BE49-F238E27FC236}">
                <a16:creationId xmlns:a16="http://schemas.microsoft.com/office/drawing/2014/main" id="{410A2BDF-3F83-71FD-FAA6-323A91EDE51C}"/>
              </a:ext>
            </a:extLst>
          </p:cNvPr>
          <p:cNvSpPr/>
          <p:nvPr/>
        </p:nvSpPr>
        <p:spPr>
          <a:xfrm>
            <a:off x="936479" y="2103120"/>
            <a:ext cx="4041648" cy="1325880"/>
          </a:xfrm>
          <a:prstGeom prst="rect">
            <a:avLst/>
          </a:prstGeom>
          <a:noFill/>
          <a:ln/>
        </p:spPr>
        <p:txBody>
          <a:bodyPr wrap="square" lIns="254" tIns="254" rIns="254" bIns="254" rtlCol="0" anchor="t">
            <a:normAutofit/>
          </a:bodyPr>
          <a:lstStyle/>
          <a:p>
            <a:pPr marL="0" indent="0" algn="l">
              <a:buNone/>
            </a:pPr>
            <a:r>
              <a:rPr lang="en-US" sz="1600">
                <a:solidFill>
                  <a:srgbClr val="779CAB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• Hazard index (drought / heat / floods)</a:t>
            </a:r>
            <a:endParaRPr lang="en-US" sz="1600">
              <a:solidFill>
                <a:srgbClr val="779CAB"/>
              </a:solidFill>
              <a:latin typeface="Work Sans" pitchFamily="2" charset="0"/>
            </a:endParaRPr>
          </a:p>
          <a:p>
            <a:pPr marL="0" indent="0" algn="l">
              <a:buNone/>
            </a:pPr>
            <a:r>
              <a:rPr lang="en-US" sz="1600">
                <a:solidFill>
                  <a:srgbClr val="779CAB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• Agricultural output or yield response</a:t>
            </a:r>
            <a:endParaRPr lang="en-US" sz="1600">
              <a:solidFill>
                <a:srgbClr val="779CAB"/>
              </a:solidFill>
              <a:latin typeface="Work Sans" pitchFamily="2" charset="0"/>
            </a:endParaRPr>
          </a:p>
          <a:p>
            <a:pPr marL="0" indent="0" algn="l">
              <a:buNone/>
            </a:pPr>
            <a:r>
              <a:rPr lang="en-US" sz="1600">
                <a:solidFill>
                  <a:srgbClr val="779CAB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• Food price pass-through</a:t>
            </a:r>
            <a:endParaRPr lang="en-US" sz="1600">
              <a:solidFill>
                <a:srgbClr val="779CAB"/>
              </a:solidFill>
              <a:latin typeface="Work Sans" pitchFamily="2" charset="0"/>
            </a:endParaRPr>
          </a:p>
          <a:p>
            <a:pPr marL="0" indent="0" algn="l">
              <a:buNone/>
            </a:pPr>
            <a:r>
              <a:rPr lang="en-US" sz="1600">
                <a:solidFill>
                  <a:srgbClr val="779CAB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• HBS/COICOP food shares by group</a:t>
            </a:r>
            <a:endParaRPr lang="en-US" sz="1600">
              <a:solidFill>
                <a:srgbClr val="779CAB"/>
              </a:solidFill>
              <a:latin typeface="Work Sans" pitchFamily="2" charset="0"/>
            </a:endParaRPr>
          </a:p>
          <a:p>
            <a:pPr marL="0" indent="0" algn="l">
              <a:buNone/>
            </a:pPr>
            <a:r>
              <a:rPr lang="en-US" sz="1600">
                <a:solidFill>
                  <a:srgbClr val="779CAB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• Agriculture and food products</a:t>
            </a:r>
            <a:endParaRPr lang="en-US" sz="1600">
              <a:solidFill>
                <a:srgbClr val="779CAB"/>
              </a:solidFill>
              <a:latin typeface="Work Sans" pitchFamily="2" charset="0"/>
            </a:endParaRPr>
          </a:p>
        </p:txBody>
      </p:sp>
      <p:sp>
        <p:nvSpPr>
          <p:cNvPr id="9" name="Text 4">
            <a:extLst>
              <a:ext uri="{FF2B5EF4-FFF2-40B4-BE49-F238E27FC236}">
                <a16:creationId xmlns:a16="http://schemas.microsoft.com/office/drawing/2014/main" id="{6F977C73-2270-B417-054F-24203B64E5A9}"/>
              </a:ext>
            </a:extLst>
          </p:cNvPr>
          <p:cNvSpPr/>
          <p:nvPr/>
        </p:nvSpPr>
        <p:spPr>
          <a:xfrm>
            <a:off x="1037289" y="3588907"/>
            <a:ext cx="2194560" cy="256032"/>
          </a:xfrm>
          <a:prstGeom prst="rect">
            <a:avLst/>
          </a:prstGeom>
          <a:noFill/>
          <a:ln/>
        </p:spPr>
        <p:txBody>
          <a:bodyPr wrap="square" lIns="254" tIns="254" rIns="254" bIns="254" rtlCol="0" anchor="t">
            <a:normAutofit lnSpcReduction="10000"/>
          </a:bodyPr>
          <a:lstStyle/>
          <a:p>
            <a:pPr marL="0" indent="0" algn="l">
              <a:buNone/>
            </a:pPr>
            <a:r>
              <a:rPr lang="en-US" b="1">
                <a:solidFill>
                  <a:srgbClr val="4A314D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Quantity effects</a:t>
            </a:r>
            <a:endParaRPr lang="en-US">
              <a:solidFill>
                <a:srgbClr val="4A314D"/>
              </a:solidFill>
              <a:latin typeface="Work Sans" pitchFamily="2" charset="0"/>
            </a:endParaRPr>
          </a:p>
        </p:txBody>
      </p:sp>
      <p:sp>
        <p:nvSpPr>
          <p:cNvPr id="10" name="Text 4">
            <a:extLst>
              <a:ext uri="{FF2B5EF4-FFF2-40B4-BE49-F238E27FC236}">
                <a16:creationId xmlns:a16="http://schemas.microsoft.com/office/drawing/2014/main" id="{AC23B736-7415-EDFB-192E-F95AF9BAAA3C}"/>
              </a:ext>
            </a:extLst>
          </p:cNvPr>
          <p:cNvSpPr/>
          <p:nvPr/>
        </p:nvSpPr>
        <p:spPr>
          <a:xfrm>
            <a:off x="1037289" y="4686616"/>
            <a:ext cx="2194560" cy="256032"/>
          </a:xfrm>
          <a:prstGeom prst="rect">
            <a:avLst/>
          </a:prstGeom>
          <a:noFill/>
          <a:ln/>
        </p:spPr>
        <p:txBody>
          <a:bodyPr wrap="square" lIns="254" tIns="254" rIns="254" bIns="254" rtlCol="0" anchor="t">
            <a:normAutofit lnSpcReduction="10000"/>
          </a:bodyPr>
          <a:lstStyle/>
          <a:p>
            <a:pPr marL="0" indent="0" algn="l">
              <a:buNone/>
            </a:pPr>
            <a:r>
              <a:rPr lang="en-US" b="1">
                <a:solidFill>
                  <a:srgbClr val="4A314D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Price effects</a:t>
            </a:r>
            <a:endParaRPr lang="en-US">
              <a:solidFill>
                <a:srgbClr val="4A314D"/>
              </a:solidFill>
              <a:latin typeface="Work Sans" pitchFamily="2" charset="0"/>
            </a:endParaRPr>
          </a:p>
        </p:txBody>
      </p:sp>
      <p:sp>
        <p:nvSpPr>
          <p:cNvPr id="11" name="Text 5">
            <a:extLst>
              <a:ext uri="{FF2B5EF4-FFF2-40B4-BE49-F238E27FC236}">
                <a16:creationId xmlns:a16="http://schemas.microsoft.com/office/drawing/2014/main" id="{1B98CB8C-228E-B9D1-EDF3-E409011BD4F3}"/>
              </a:ext>
            </a:extLst>
          </p:cNvPr>
          <p:cNvSpPr/>
          <p:nvPr/>
        </p:nvSpPr>
        <p:spPr>
          <a:xfrm>
            <a:off x="1037289" y="3914101"/>
            <a:ext cx="4041648" cy="543446"/>
          </a:xfrm>
          <a:prstGeom prst="rect">
            <a:avLst/>
          </a:prstGeom>
          <a:noFill/>
          <a:ln/>
        </p:spPr>
        <p:txBody>
          <a:bodyPr wrap="square" lIns="254" tIns="254" rIns="254" bIns="254" rtlCol="0" anchor="t">
            <a:normAutofit/>
          </a:bodyPr>
          <a:lstStyle/>
          <a:p>
            <a:pPr marL="0" indent="0" algn="l">
              <a:buNone/>
            </a:pPr>
            <a:r>
              <a:rPr lang="en-US" sz="1600">
                <a:solidFill>
                  <a:srgbClr val="779CAB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Traditional IO output/employment   effects</a:t>
            </a:r>
            <a:endParaRPr lang="en-US" sz="1600">
              <a:solidFill>
                <a:srgbClr val="779CAB"/>
              </a:solidFill>
              <a:latin typeface="Work Sans" pitchFamily="2" charset="0"/>
            </a:endParaRPr>
          </a:p>
        </p:txBody>
      </p:sp>
      <p:sp>
        <p:nvSpPr>
          <p:cNvPr id="12" name="Text 5">
            <a:extLst>
              <a:ext uri="{FF2B5EF4-FFF2-40B4-BE49-F238E27FC236}">
                <a16:creationId xmlns:a16="http://schemas.microsoft.com/office/drawing/2014/main" id="{04649192-F58C-345B-5C87-262AF6E0BDC0}"/>
              </a:ext>
            </a:extLst>
          </p:cNvPr>
          <p:cNvSpPr/>
          <p:nvPr/>
        </p:nvSpPr>
        <p:spPr>
          <a:xfrm>
            <a:off x="1037289" y="4980901"/>
            <a:ext cx="4041648" cy="373039"/>
          </a:xfrm>
          <a:prstGeom prst="rect">
            <a:avLst/>
          </a:prstGeom>
          <a:noFill/>
          <a:ln/>
        </p:spPr>
        <p:txBody>
          <a:bodyPr wrap="square" lIns="254" tIns="254" rIns="254" bIns="254" rtlCol="0" anchor="t">
            <a:normAutofit/>
          </a:bodyPr>
          <a:lstStyle/>
          <a:p>
            <a:pPr marL="0" indent="0" algn="l">
              <a:buNone/>
            </a:pPr>
            <a:r>
              <a:rPr lang="en-US" sz="1600">
                <a:solidFill>
                  <a:srgbClr val="779CAB"/>
                </a:solidFill>
                <a:latin typeface="Work Sans" pitchFamily="2" charset="0"/>
                <a:ea typeface="Aptos" pitchFamily="34" charset="-122"/>
                <a:cs typeface="Aptos" pitchFamily="34" charset="-120"/>
              </a:rPr>
              <a:t>Food costs and group-specific baskets</a:t>
            </a:r>
            <a:endParaRPr lang="en-US" sz="1600">
              <a:solidFill>
                <a:srgbClr val="779CAB"/>
              </a:solidFill>
              <a:latin typeface="Work Sans" pitchFamily="2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744C663D-F728-B477-9DCC-EB6523C3AC69}"/>
              </a:ext>
            </a:extLst>
          </p:cNvPr>
          <p:cNvSpPr txBox="1"/>
          <p:nvPr/>
        </p:nvSpPr>
        <p:spPr>
          <a:xfrm>
            <a:off x="774700" y="5765800"/>
            <a:ext cx="4889500" cy="738664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GB" sz="1400"/>
              <a:t>From: Fabian Aponte “</a:t>
            </a:r>
            <a:r>
              <a:rPr lang="en-GB" sz="1400" b="1"/>
              <a:t>A channel-based framework for endogenizing climate-inequality dynamics in macroeconomic models</a:t>
            </a:r>
            <a:r>
              <a:rPr lang="en-GB" sz="1400"/>
              <a:t>” Tuesday, Parallel Session 2, 15:00-16:30, B03</a:t>
            </a:r>
          </a:p>
        </p:txBody>
      </p:sp>
      <p:sp>
        <p:nvSpPr>
          <p:cNvPr id="15" name="Free-form: Shape 14">
            <a:extLst>
              <a:ext uri="{FF2B5EF4-FFF2-40B4-BE49-F238E27FC236}">
                <a16:creationId xmlns:a16="http://schemas.microsoft.com/office/drawing/2014/main" id="{E1BBCE27-28CE-65B4-6F84-E8EAB55F216B}"/>
              </a:ext>
            </a:extLst>
          </p:cNvPr>
          <p:cNvSpPr/>
          <p:nvPr/>
        </p:nvSpPr>
        <p:spPr>
          <a:xfrm>
            <a:off x="5686215" y="1473032"/>
            <a:ext cx="4944426" cy="3821212"/>
          </a:xfrm>
          <a:custGeom>
            <a:avLst/>
            <a:gdLst>
              <a:gd name="csX0" fmla="*/ 104985 w 4944426"/>
              <a:gd name="csY0" fmla="*/ 2476668 h 3821212"/>
              <a:gd name="csX1" fmla="*/ 1082885 w 4944426"/>
              <a:gd name="csY1" fmla="*/ 2222668 h 3821212"/>
              <a:gd name="csX2" fmla="*/ 1755985 w 4944426"/>
              <a:gd name="csY2" fmla="*/ 2349668 h 3821212"/>
              <a:gd name="csX3" fmla="*/ 1946485 w 4944426"/>
              <a:gd name="csY3" fmla="*/ 1828968 h 3821212"/>
              <a:gd name="csX4" fmla="*/ 2594185 w 4944426"/>
              <a:gd name="csY4" fmla="*/ 1359068 h 3821212"/>
              <a:gd name="csX5" fmla="*/ 3318085 w 4944426"/>
              <a:gd name="csY5" fmla="*/ 1206668 h 3821212"/>
              <a:gd name="csX6" fmla="*/ 3254585 w 4944426"/>
              <a:gd name="csY6" fmla="*/ 368468 h 3821212"/>
              <a:gd name="csX7" fmla="*/ 4029285 w 4944426"/>
              <a:gd name="csY7" fmla="*/ 168 h 3821212"/>
              <a:gd name="csX8" fmla="*/ 4892885 w 4944426"/>
              <a:gd name="csY8" fmla="*/ 406568 h 3821212"/>
              <a:gd name="csX9" fmla="*/ 4816685 w 4944426"/>
              <a:gd name="csY9" fmla="*/ 1282868 h 3821212"/>
              <a:gd name="csX10" fmla="*/ 4575385 w 4944426"/>
              <a:gd name="csY10" fmla="*/ 2298868 h 3821212"/>
              <a:gd name="csX11" fmla="*/ 4689685 w 4944426"/>
              <a:gd name="csY11" fmla="*/ 2933868 h 3821212"/>
              <a:gd name="csX12" fmla="*/ 4702385 w 4944426"/>
              <a:gd name="csY12" fmla="*/ 3479968 h 3821212"/>
              <a:gd name="csX13" fmla="*/ 2556085 w 4944426"/>
              <a:gd name="csY13" fmla="*/ 3810168 h 3821212"/>
              <a:gd name="csX14" fmla="*/ 308185 w 4944426"/>
              <a:gd name="csY14" fmla="*/ 3619668 h 3821212"/>
              <a:gd name="csX15" fmla="*/ 104985 w 4944426"/>
              <a:gd name="csY15" fmla="*/ 2476668 h 3821212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  <a:cxn ang="0">
                <a:pos x="csX4" y="csY4"/>
              </a:cxn>
              <a:cxn ang="0">
                <a:pos x="csX5" y="csY5"/>
              </a:cxn>
              <a:cxn ang="0">
                <a:pos x="csX6" y="csY6"/>
              </a:cxn>
              <a:cxn ang="0">
                <a:pos x="csX7" y="csY7"/>
              </a:cxn>
              <a:cxn ang="0">
                <a:pos x="csX8" y="csY8"/>
              </a:cxn>
              <a:cxn ang="0">
                <a:pos x="csX9" y="csY9"/>
              </a:cxn>
              <a:cxn ang="0">
                <a:pos x="csX10" y="csY10"/>
              </a:cxn>
              <a:cxn ang="0">
                <a:pos x="csX11" y="csY11"/>
              </a:cxn>
              <a:cxn ang="0">
                <a:pos x="csX12" y="csY12"/>
              </a:cxn>
              <a:cxn ang="0">
                <a:pos x="csX13" y="csY13"/>
              </a:cxn>
              <a:cxn ang="0">
                <a:pos x="csX14" y="csY14"/>
              </a:cxn>
              <a:cxn ang="0">
                <a:pos x="csX15" y="csY15"/>
              </a:cxn>
            </a:cxnLst>
            <a:rect l="l" t="t" r="r" b="b"/>
            <a:pathLst>
              <a:path w="4944426" h="3821212">
                <a:moveTo>
                  <a:pt x="104985" y="2476668"/>
                </a:moveTo>
                <a:cubicBezTo>
                  <a:pt x="234102" y="2243835"/>
                  <a:pt x="807718" y="2243835"/>
                  <a:pt x="1082885" y="2222668"/>
                </a:cubicBezTo>
                <a:cubicBezTo>
                  <a:pt x="1358052" y="2201501"/>
                  <a:pt x="1612052" y="2415285"/>
                  <a:pt x="1755985" y="2349668"/>
                </a:cubicBezTo>
                <a:cubicBezTo>
                  <a:pt x="1899918" y="2284051"/>
                  <a:pt x="1806785" y="1994068"/>
                  <a:pt x="1946485" y="1828968"/>
                </a:cubicBezTo>
                <a:cubicBezTo>
                  <a:pt x="2086185" y="1663868"/>
                  <a:pt x="2365585" y="1462785"/>
                  <a:pt x="2594185" y="1359068"/>
                </a:cubicBezTo>
                <a:cubicBezTo>
                  <a:pt x="2822785" y="1255351"/>
                  <a:pt x="3208018" y="1371768"/>
                  <a:pt x="3318085" y="1206668"/>
                </a:cubicBezTo>
                <a:cubicBezTo>
                  <a:pt x="3428152" y="1041568"/>
                  <a:pt x="3136052" y="569551"/>
                  <a:pt x="3254585" y="368468"/>
                </a:cubicBezTo>
                <a:cubicBezTo>
                  <a:pt x="3373118" y="167385"/>
                  <a:pt x="3756235" y="-6182"/>
                  <a:pt x="4029285" y="168"/>
                </a:cubicBezTo>
                <a:cubicBezTo>
                  <a:pt x="4302335" y="6518"/>
                  <a:pt x="4761652" y="192785"/>
                  <a:pt x="4892885" y="406568"/>
                </a:cubicBezTo>
                <a:cubicBezTo>
                  <a:pt x="5024118" y="620351"/>
                  <a:pt x="4869602" y="967485"/>
                  <a:pt x="4816685" y="1282868"/>
                </a:cubicBezTo>
                <a:cubicBezTo>
                  <a:pt x="4763768" y="1598251"/>
                  <a:pt x="4596552" y="2023701"/>
                  <a:pt x="4575385" y="2298868"/>
                </a:cubicBezTo>
                <a:cubicBezTo>
                  <a:pt x="4554218" y="2574035"/>
                  <a:pt x="4668518" y="2737018"/>
                  <a:pt x="4689685" y="2933868"/>
                </a:cubicBezTo>
                <a:cubicBezTo>
                  <a:pt x="4710852" y="3130718"/>
                  <a:pt x="5057985" y="3333918"/>
                  <a:pt x="4702385" y="3479968"/>
                </a:cubicBezTo>
                <a:cubicBezTo>
                  <a:pt x="4346785" y="3626018"/>
                  <a:pt x="3288452" y="3786885"/>
                  <a:pt x="2556085" y="3810168"/>
                </a:cubicBezTo>
                <a:cubicBezTo>
                  <a:pt x="1823718" y="3833451"/>
                  <a:pt x="723052" y="3839801"/>
                  <a:pt x="308185" y="3619668"/>
                </a:cubicBezTo>
                <a:cubicBezTo>
                  <a:pt x="-106682" y="3399535"/>
                  <a:pt x="-24132" y="2709501"/>
                  <a:pt x="104985" y="2476668"/>
                </a:cubicBezTo>
                <a:close/>
              </a:path>
            </a:pathLst>
          </a:custGeom>
          <a:solidFill>
            <a:srgbClr val="FFFF00">
              <a:alpha val="30196"/>
            </a:srgb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93561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C67E54D-9F4C-269A-1983-A64AAAA8E62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15740A-D42F-6F07-FAFD-238CB6927A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/>
              <a:t>Empirical model</a:t>
            </a:r>
            <a:br>
              <a:rPr lang="en-GB"/>
            </a:br>
            <a:r>
              <a:rPr lang="en-GB" sz="2700" b="0" err="1"/>
              <a:t>MAcroEconomic</a:t>
            </a:r>
            <a:r>
              <a:rPr lang="en-GB" sz="2700" b="0"/>
              <a:t> Sustainability </a:t>
            </a:r>
            <a:r>
              <a:rPr lang="en-GB" sz="2700" b="0" err="1"/>
              <a:t>TRajectory</a:t>
            </a:r>
            <a:r>
              <a:rPr lang="en-GB" sz="2700" b="0"/>
              <a:t> model with Input-Output (MAESTRIO)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5354C9-513B-BCDA-A38F-FDACC0CE836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3432810" cy="3910012"/>
          </a:xfrm>
        </p:spPr>
        <p:txBody>
          <a:bodyPr>
            <a:normAutofit/>
          </a:bodyPr>
          <a:lstStyle/>
          <a:p>
            <a:r>
              <a:rPr lang="en-GB"/>
              <a:t>Household expenditures</a:t>
            </a:r>
            <a:br>
              <a:rPr lang="en-GB"/>
            </a:br>
            <a:r>
              <a:rPr lang="en-GB"/>
              <a:t>(to be implemented)</a:t>
            </a:r>
          </a:p>
          <a:p>
            <a:pPr marL="0" indent="0">
              <a:buNone/>
            </a:pPr>
            <a:endParaRPr lang="en-GB"/>
          </a:p>
          <a:p>
            <a:pPr lvl="1"/>
            <a:r>
              <a:rPr lang="en-GB"/>
              <a:t>Consumption changes based on elasticities from FIDELIO</a:t>
            </a:r>
          </a:p>
          <a:p>
            <a:pPr lvl="1"/>
            <a:r>
              <a:rPr lang="en-GB"/>
              <a:t>Almost ideal demand system also based on FIDELIO</a:t>
            </a:r>
          </a:p>
          <a:p>
            <a:pPr lvl="1"/>
            <a:r>
              <a:rPr lang="en-GB"/>
              <a:t>Perhaps adequate demand system …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3D07E42-5EAC-9F79-99AD-CD4C4388DE85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5040084" y="2259018"/>
            <a:ext cx="3432811" cy="3910012"/>
          </a:xfrm>
        </p:spPr>
        <p:txBody>
          <a:bodyPr>
            <a:normAutofit/>
          </a:bodyPr>
          <a:lstStyle/>
          <a:p>
            <a:r>
              <a:rPr lang="en-GB"/>
              <a:t>Price modelling </a:t>
            </a:r>
            <a:br>
              <a:rPr lang="en-GB"/>
            </a:br>
            <a:r>
              <a:rPr lang="en-GB"/>
              <a:t>(to be implemented)</a:t>
            </a:r>
          </a:p>
          <a:p>
            <a:endParaRPr lang="en-GB"/>
          </a:p>
          <a:p>
            <a:pPr marL="723900" lvl="1" indent="-292100">
              <a:buFont typeface="+mj-lt"/>
              <a:buAutoNum type="romanLcPeriod"/>
            </a:pPr>
            <a:r>
              <a:rPr lang="en-GB"/>
              <a:t>Technological change </a:t>
            </a:r>
            <a:r>
              <a:rPr lang="en-GB" b="1">
                <a:latin typeface="Cambria" panose="02040503050406030204" pitchFamily="18" charset="0"/>
                <a:ea typeface="Cambria" panose="02040503050406030204" pitchFamily="18" charset="0"/>
              </a:rPr>
              <a:t>B</a:t>
            </a:r>
          </a:p>
          <a:p>
            <a:pPr marL="723900" lvl="1" indent="-292100">
              <a:buFont typeface="+mj-lt"/>
              <a:buAutoNum type="romanLcPeriod"/>
            </a:pPr>
            <a:r>
              <a:rPr lang="en-GB"/>
              <a:t>Prices for individual commodities (energy, materials) </a:t>
            </a:r>
            <a:r>
              <a:rPr lang="en-GB" b="1" err="1">
                <a:latin typeface="Cambria" panose="02040503050406030204" pitchFamily="18" charset="0"/>
                <a:ea typeface="Cambria" panose="02040503050406030204" pitchFamily="18" charset="0"/>
              </a:rPr>
              <a:t>pq</a:t>
            </a:r>
            <a:endParaRPr lang="en-GB" baseline="-2500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723900" lvl="1" indent="-292100">
              <a:buFont typeface="+mj-lt"/>
              <a:buAutoNum type="romanLcPeriod"/>
            </a:pPr>
            <a:r>
              <a:rPr lang="en-GB"/>
              <a:t>Wages </a:t>
            </a:r>
            <a:r>
              <a:rPr lang="en-GB" b="1">
                <a:latin typeface="Cambria" panose="02040503050406030204" pitchFamily="18" charset="0"/>
                <a:ea typeface="Cambria" panose="02040503050406030204" pitchFamily="18" charset="0"/>
              </a:rPr>
              <a:t>w</a:t>
            </a:r>
          </a:p>
          <a:p>
            <a:pPr marL="723900" lvl="1" indent="-292100">
              <a:buFont typeface="+mj-lt"/>
              <a:buAutoNum type="romanLcPeriod"/>
            </a:pPr>
            <a:r>
              <a:rPr lang="en-GB"/>
              <a:t>Taxes on products </a:t>
            </a:r>
            <a:r>
              <a:rPr lang="en-GB" b="1" err="1">
                <a:latin typeface="Cambria" panose="02040503050406030204" pitchFamily="18" charset="0"/>
                <a:ea typeface="Cambria" panose="02040503050406030204" pitchFamily="18" charset="0"/>
              </a:rPr>
              <a:t>tls</a:t>
            </a:r>
            <a:endParaRPr lang="en-GB" b="1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723900" lvl="1" indent="-292100">
              <a:buFont typeface="+mj-lt"/>
              <a:buAutoNum type="romanLcPeriod"/>
            </a:pPr>
            <a:r>
              <a:rPr lang="en-GB"/>
              <a:t>Taxes on production </a:t>
            </a:r>
            <a:r>
              <a:rPr lang="en-GB" b="1">
                <a:latin typeface="Cambria" panose="02040503050406030204" pitchFamily="18" charset="0"/>
                <a:ea typeface="Cambria" panose="02040503050406030204" pitchFamily="18" charset="0"/>
              </a:rPr>
              <a:t>tax</a:t>
            </a:r>
          </a:p>
          <a:p>
            <a:pPr marL="571500" lvl="2" indent="0">
              <a:buNone/>
            </a:pPr>
            <a:endParaRPr lang="en-GB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1FD51491-264C-5900-D52A-072DBF5266F2}"/>
              </a:ext>
            </a:extLst>
          </p:cNvPr>
          <p:cNvGrpSpPr/>
          <p:nvPr/>
        </p:nvGrpSpPr>
        <p:grpSpPr>
          <a:xfrm>
            <a:off x="9259735" y="2559812"/>
            <a:ext cx="2174075" cy="2880639"/>
            <a:chOff x="7540153" y="4530565"/>
            <a:chExt cx="2174075" cy="2880639"/>
          </a:xfrm>
        </p:grpSpPr>
        <p:pic>
          <p:nvPicPr>
            <p:cNvPr id="15" name="Picture 14" descr="Bright yellow caution sign indicating construction in progress for safety in industrial environments.">
              <a:extLst>
                <a:ext uri="{FF2B5EF4-FFF2-40B4-BE49-F238E27FC236}">
                  <a16:creationId xmlns:a16="http://schemas.microsoft.com/office/drawing/2014/main" id="{599D0158-2B85-B7EC-3672-FECE35E90B7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8240499" y="4530565"/>
              <a:ext cx="953427" cy="953427"/>
            </a:xfrm>
            <a:prstGeom prst="rect">
              <a:avLst/>
            </a:prstGeom>
          </p:spPr>
        </p:pic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43A59BC7-9755-4BFC-E9EC-16A43944D6F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7540153" y="5628365"/>
              <a:ext cx="2174075" cy="685038"/>
            </a:xfrm>
            <a:prstGeom prst="rect">
              <a:avLst/>
            </a:prstGeom>
          </p:spPr>
        </p:pic>
        <p:pic>
          <p:nvPicPr>
            <p:cNvPr id="17" name="Picture 16" descr="Bright yellow caution sign indicating construction in progress for safety in industrial environments.">
              <a:extLst>
                <a:ext uri="{FF2B5EF4-FFF2-40B4-BE49-F238E27FC236}">
                  <a16:creationId xmlns:a16="http://schemas.microsoft.com/office/drawing/2014/main" id="{590B3745-3F4B-ACC8-C58B-29AA4E0E16C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8240498" y="6457777"/>
              <a:ext cx="953427" cy="953427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969393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03AF9A-16B6-21A2-3AAB-79CBA1452E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ode and code structu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1A9AD1-86FE-B143-3E8D-11683B92DAC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rmAutofit/>
          </a:bodyPr>
          <a:lstStyle/>
          <a:p>
            <a:r>
              <a:rPr lang="en-GB">
                <a:latin typeface="Calibri Light"/>
                <a:ea typeface="Calibri Light"/>
                <a:cs typeface="Calibri Light"/>
              </a:rPr>
              <a:t>Three main open-source R packages:</a:t>
            </a:r>
            <a:endParaRPr lang="en-GB">
              <a:ea typeface="Calibri Light" panose="020F0302020204030204" pitchFamily="34" charset="0"/>
            </a:endParaRPr>
          </a:p>
          <a:p>
            <a:pPr lvl="1">
              <a:buFont typeface="Courier New" panose="020B0604020202020204" pitchFamily="34" charset="0"/>
              <a:buChar char="o"/>
            </a:pPr>
            <a:r>
              <a:rPr lang="en-GB" b="1" err="1">
                <a:latin typeface="Calibri Light"/>
                <a:ea typeface="Calibri Light"/>
                <a:cs typeface="Calibri Light"/>
              </a:rPr>
              <a:t>maestrio</a:t>
            </a:r>
            <a:r>
              <a:rPr lang="en-GB" b="1">
                <a:latin typeface="Calibri Light"/>
                <a:ea typeface="Calibri Light"/>
                <a:cs typeface="Calibri Light"/>
              </a:rPr>
              <a:t>-core</a:t>
            </a:r>
            <a:r>
              <a:rPr lang="en-GB">
                <a:latin typeface="Calibri Light"/>
                <a:ea typeface="Calibri Light"/>
                <a:cs typeface="Calibri Light"/>
              </a:rPr>
              <a:t> (study management, general computation, basic plots)</a:t>
            </a:r>
            <a:endParaRPr lang="en-GB">
              <a:ea typeface="Calibri Light"/>
            </a:endParaRPr>
          </a:p>
          <a:p>
            <a:pPr lvl="1">
              <a:buFont typeface="Courier New" panose="020B0604020202020204" pitchFamily="34" charset="0"/>
              <a:buChar char="o"/>
            </a:pPr>
            <a:r>
              <a:rPr lang="en-GB" b="1" err="1">
                <a:latin typeface="Calibri Light"/>
                <a:ea typeface="Calibri Light"/>
                <a:cs typeface="Calibri Light"/>
              </a:rPr>
              <a:t>maestrio-dataprocessing</a:t>
            </a:r>
            <a:r>
              <a:rPr lang="en-GB">
                <a:latin typeface="Calibri Light"/>
                <a:ea typeface="Calibri Light"/>
                <a:cs typeface="Calibri Light"/>
              </a:rPr>
              <a:t> (easing preprocessing of SUT data)</a:t>
            </a:r>
            <a:endParaRPr lang="en-GB">
              <a:ea typeface="Calibri Light"/>
            </a:endParaRPr>
          </a:p>
          <a:p>
            <a:pPr lvl="1">
              <a:buFont typeface="Courier New" panose="020B0604020202020204" pitchFamily="34" charset="0"/>
              <a:buChar char="o"/>
            </a:pPr>
            <a:r>
              <a:rPr lang="en-GB" b="1" err="1">
                <a:latin typeface="Calibri Light"/>
                <a:ea typeface="Calibri Light"/>
                <a:cs typeface="Calibri Light"/>
              </a:rPr>
              <a:t>maestrio-scenariosetup</a:t>
            </a:r>
            <a:r>
              <a:rPr lang="en-GB">
                <a:latin typeface="Calibri Light"/>
                <a:ea typeface="Calibri Light"/>
                <a:cs typeface="Calibri Light"/>
              </a:rPr>
              <a:t> (allowing excel-based scenario configuration)</a:t>
            </a:r>
            <a:endParaRPr lang="en-GB">
              <a:ea typeface="Calibri Light"/>
            </a:endParaRPr>
          </a:p>
          <a:p>
            <a:endParaRPr lang="en-GB">
              <a:ea typeface="Calibri Light"/>
            </a:endParaRPr>
          </a:p>
          <a:p>
            <a:r>
              <a:rPr lang="en-GB">
                <a:latin typeface="Calibri Light"/>
                <a:ea typeface="Calibri Light"/>
                <a:cs typeface="Calibri Light"/>
              </a:rPr>
              <a:t>100% flexible model (endogenous vs exogenous trajectory evolution, data granularity, results)</a:t>
            </a:r>
          </a:p>
          <a:p>
            <a:endParaRPr lang="en-GB">
              <a:latin typeface="Calibri Light"/>
              <a:ea typeface="Calibri Light"/>
              <a:cs typeface="Calibri Light"/>
            </a:endParaRPr>
          </a:p>
          <a:p>
            <a:r>
              <a:rPr lang="en-GB">
                <a:latin typeface="Calibri Light"/>
                <a:ea typeface="Calibri Light"/>
                <a:cs typeface="Calibri Light"/>
              </a:rPr>
              <a:t>Study structure supported by HDF5 file allowing efficient (and portable) access to any trajectory data and resul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4359398-3D7D-74F9-3716-7E4D2B39B50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80600" y="561970"/>
            <a:ext cx="1797049" cy="13924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84854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43DA393-18E9-32EF-AAB2-E4AC926A9EA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B9237426-246F-3BCF-1D80-A200410CA3B6}"/>
              </a:ext>
            </a:extLst>
          </p:cNvPr>
          <p:cNvSpPr/>
          <p:nvPr/>
        </p:nvSpPr>
        <p:spPr>
          <a:xfrm>
            <a:off x="1627110" y="1911929"/>
            <a:ext cx="2074263" cy="3721492"/>
          </a:xfrm>
          <a:prstGeom prst="rect">
            <a:avLst/>
          </a:prstGeom>
          <a:solidFill>
            <a:schemeClr val="tx2">
              <a:lumMod val="25000"/>
              <a:lumOff val="75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GB" b="1">
                <a:solidFill>
                  <a:schemeClr val="tx2"/>
                </a:solidFill>
              </a:rPr>
              <a:t>     -package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2F77A2C-6D5C-F079-F398-A0C250578C3D}"/>
              </a:ext>
            </a:extLst>
          </p:cNvPr>
          <p:cNvSpPr/>
          <p:nvPr/>
        </p:nvSpPr>
        <p:spPr>
          <a:xfrm>
            <a:off x="1503926" y="1704773"/>
            <a:ext cx="7424174" cy="4135804"/>
          </a:xfrm>
          <a:prstGeom prst="rect">
            <a:avLst/>
          </a:prstGeom>
          <a:noFill/>
          <a:ln w="381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GB" b="1">
              <a:solidFill>
                <a:schemeClr val="tx2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10BF815-86EA-3893-76AD-051676366D39}"/>
              </a:ext>
            </a:extLst>
          </p:cNvPr>
          <p:cNvSpPr/>
          <p:nvPr/>
        </p:nvSpPr>
        <p:spPr>
          <a:xfrm>
            <a:off x="1703591" y="2378283"/>
            <a:ext cx="1901575" cy="589935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b="1" err="1">
                <a:solidFill>
                  <a:schemeClr val="bg1"/>
                </a:solidFill>
              </a:rPr>
              <a:t>MAESTRIO_core</a:t>
            </a:r>
            <a:endParaRPr lang="en-GB" sz="1200" b="1">
              <a:solidFill>
                <a:schemeClr val="bg1"/>
              </a:solidFill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8B2AA113-E558-4773-377C-AEFD7166B55D}"/>
              </a:ext>
            </a:extLst>
          </p:cNvPr>
          <p:cNvSpPr/>
          <p:nvPr/>
        </p:nvSpPr>
        <p:spPr>
          <a:xfrm>
            <a:off x="1703591" y="3179456"/>
            <a:ext cx="1901575" cy="589935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b="1" err="1">
                <a:solidFill>
                  <a:schemeClr val="bg1"/>
                </a:solidFill>
              </a:rPr>
              <a:t>MAESTRIO_dataprocessing</a:t>
            </a:r>
            <a:endParaRPr lang="en-GB" sz="1200" b="1">
              <a:solidFill>
                <a:schemeClr val="bg1"/>
              </a:solidFill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B0F49618-986E-1CE7-4641-DFB8B030A4F9}"/>
              </a:ext>
            </a:extLst>
          </p:cNvPr>
          <p:cNvSpPr/>
          <p:nvPr/>
        </p:nvSpPr>
        <p:spPr>
          <a:xfrm>
            <a:off x="1703591" y="3980629"/>
            <a:ext cx="1901575" cy="589935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b="1" err="1">
                <a:solidFill>
                  <a:schemeClr val="bg1"/>
                </a:solidFill>
              </a:rPr>
              <a:t>MAESTRIO_scenariosetup</a:t>
            </a:r>
            <a:endParaRPr lang="en-GB" sz="1200" b="1">
              <a:solidFill>
                <a:schemeClr val="bg1"/>
              </a:solidFill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D85F29C-5885-EE1B-9418-ADC653C51ABF}"/>
              </a:ext>
            </a:extLst>
          </p:cNvPr>
          <p:cNvSpPr/>
          <p:nvPr/>
        </p:nvSpPr>
        <p:spPr>
          <a:xfrm>
            <a:off x="1703591" y="4781802"/>
            <a:ext cx="1901575" cy="589935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b="1" err="1">
                <a:solidFill>
                  <a:schemeClr val="bg1"/>
                </a:solidFill>
              </a:rPr>
              <a:t>MAESTRIO_resultsGUI</a:t>
            </a:r>
            <a:endParaRPr lang="en-GB" sz="1200" b="1">
              <a:solidFill>
                <a:schemeClr val="bg1"/>
              </a:solidFill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2EF95E1E-D168-8BE2-640F-8EE525D3CE11}"/>
              </a:ext>
            </a:extLst>
          </p:cNvPr>
          <p:cNvSpPr/>
          <p:nvPr/>
        </p:nvSpPr>
        <p:spPr>
          <a:xfrm>
            <a:off x="3850407" y="1911930"/>
            <a:ext cx="2395984" cy="369697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GB" b="1" err="1">
                <a:solidFill>
                  <a:schemeClr val="tx2"/>
                </a:solidFill>
              </a:rPr>
              <a:t>MAESTRIOdummy</a:t>
            </a:r>
            <a:endParaRPr lang="en-GB" b="1">
              <a:solidFill>
                <a:schemeClr val="tx2"/>
              </a:solidFill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88FD09C-DEE8-64AB-A7F4-E47E1018B856}"/>
              </a:ext>
            </a:extLst>
          </p:cNvPr>
          <p:cNvSpPr/>
          <p:nvPr/>
        </p:nvSpPr>
        <p:spPr>
          <a:xfrm>
            <a:off x="4035368" y="2314783"/>
            <a:ext cx="2060632" cy="589935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200" b="1" err="1">
                <a:solidFill>
                  <a:schemeClr val="bg1"/>
                </a:solidFill>
              </a:rPr>
              <a:t>MAESTRIOdummy_setup</a:t>
            </a:r>
            <a:br>
              <a:rPr lang="en-GB" sz="1200" b="1">
                <a:solidFill>
                  <a:schemeClr val="bg1"/>
                </a:solidFill>
              </a:rPr>
            </a:br>
            <a:r>
              <a:rPr lang="en-GB" sz="1200">
                <a:solidFill>
                  <a:schemeClr val="bg1"/>
                </a:solidFill>
              </a:rPr>
              <a:t>- Data</a:t>
            </a:r>
          </a:p>
          <a:p>
            <a:r>
              <a:rPr lang="en-GB" sz="1200">
                <a:solidFill>
                  <a:schemeClr val="bg1"/>
                </a:solidFill>
              </a:rPr>
              <a:t>- </a:t>
            </a:r>
            <a:r>
              <a:rPr lang="en-GB" sz="1200" err="1">
                <a:solidFill>
                  <a:schemeClr val="bg1"/>
                </a:solidFill>
              </a:rPr>
              <a:t>ParameterEstimation</a:t>
            </a:r>
            <a:endParaRPr lang="en-GB" sz="1200">
              <a:solidFill>
                <a:schemeClr val="bg1"/>
              </a:solidFill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8DDE47EB-E006-7821-AAD9-0FD8D0B4AA50}"/>
              </a:ext>
            </a:extLst>
          </p:cNvPr>
          <p:cNvSpPr/>
          <p:nvPr/>
        </p:nvSpPr>
        <p:spPr>
          <a:xfrm>
            <a:off x="4035368" y="2983679"/>
            <a:ext cx="2060632" cy="1192268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b="1">
                <a:solidFill>
                  <a:schemeClr val="bg1"/>
                </a:solidFill>
              </a:rPr>
              <a:t>MAESTRIOdummy_study1</a:t>
            </a:r>
          </a:p>
          <a:p>
            <a:pPr marL="171450" indent="-171450">
              <a:buFontTx/>
              <a:buChar char="-"/>
            </a:pPr>
            <a:r>
              <a:rPr lang="en-GB" sz="1200" err="1">
                <a:solidFill>
                  <a:schemeClr val="bg1"/>
                </a:solidFill>
              </a:rPr>
              <a:t>IndustrySplit</a:t>
            </a:r>
            <a:endParaRPr lang="en-GB" sz="1200">
              <a:solidFill>
                <a:schemeClr val="bg1"/>
              </a:solidFill>
            </a:endParaRPr>
          </a:p>
          <a:p>
            <a:pPr marL="171450" indent="-171450">
              <a:buFontTx/>
              <a:buChar char="-"/>
            </a:pPr>
            <a:r>
              <a:rPr lang="en-GB" sz="1200" err="1">
                <a:solidFill>
                  <a:schemeClr val="bg1"/>
                </a:solidFill>
              </a:rPr>
              <a:t>StudyParameterEstimation</a:t>
            </a:r>
            <a:endParaRPr lang="en-GB" sz="1200">
              <a:solidFill>
                <a:schemeClr val="bg1"/>
              </a:solidFill>
            </a:endParaRPr>
          </a:p>
          <a:p>
            <a:pPr marL="171450" indent="-171450">
              <a:buFontTx/>
              <a:buChar char="-"/>
            </a:pPr>
            <a:r>
              <a:rPr lang="en-GB" sz="1200" err="1">
                <a:solidFill>
                  <a:schemeClr val="bg1"/>
                </a:solidFill>
              </a:rPr>
              <a:t>ScenarioInputs</a:t>
            </a:r>
            <a:endParaRPr lang="en-GB" sz="1200">
              <a:solidFill>
                <a:schemeClr val="bg1"/>
              </a:solidFill>
            </a:endParaRPr>
          </a:p>
          <a:p>
            <a:pPr marL="171450" indent="-171450">
              <a:buFontTx/>
              <a:buChar char="-"/>
            </a:pPr>
            <a:r>
              <a:rPr lang="en-GB" sz="1200" err="1">
                <a:solidFill>
                  <a:schemeClr val="bg1"/>
                </a:solidFill>
              </a:rPr>
              <a:t>ScenarioResults</a:t>
            </a:r>
            <a:endParaRPr lang="en-GB" sz="1200">
              <a:solidFill>
                <a:schemeClr val="bg1"/>
              </a:solidFill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135F037D-02B1-5017-EA4C-34B027A4CE8C}"/>
              </a:ext>
            </a:extLst>
          </p:cNvPr>
          <p:cNvSpPr/>
          <p:nvPr/>
        </p:nvSpPr>
        <p:spPr>
          <a:xfrm>
            <a:off x="4035368" y="4279900"/>
            <a:ext cx="2060632" cy="1192268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b="1">
                <a:solidFill>
                  <a:schemeClr val="bg1"/>
                </a:solidFill>
              </a:rPr>
              <a:t>MAESTRIOdummy_study2</a:t>
            </a:r>
          </a:p>
          <a:p>
            <a:pPr marL="171450" indent="-171450">
              <a:buFontTx/>
              <a:buChar char="-"/>
            </a:pPr>
            <a:r>
              <a:rPr lang="en-GB" sz="1200" err="1">
                <a:solidFill>
                  <a:schemeClr val="bg1"/>
                </a:solidFill>
              </a:rPr>
              <a:t>IndustrySplit</a:t>
            </a:r>
            <a:endParaRPr lang="en-GB" sz="1200">
              <a:solidFill>
                <a:schemeClr val="bg1"/>
              </a:solidFill>
            </a:endParaRPr>
          </a:p>
          <a:p>
            <a:pPr marL="171450" indent="-171450">
              <a:buFontTx/>
              <a:buChar char="-"/>
            </a:pPr>
            <a:r>
              <a:rPr lang="en-GB" sz="1200" err="1">
                <a:solidFill>
                  <a:schemeClr val="bg1"/>
                </a:solidFill>
              </a:rPr>
              <a:t>StudyParameterEstimation</a:t>
            </a:r>
            <a:endParaRPr lang="en-GB" sz="1200">
              <a:solidFill>
                <a:schemeClr val="bg1"/>
              </a:solidFill>
            </a:endParaRPr>
          </a:p>
          <a:p>
            <a:pPr marL="171450" indent="-171450">
              <a:buFontTx/>
              <a:buChar char="-"/>
            </a:pPr>
            <a:r>
              <a:rPr lang="en-GB" sz="1200" err="1">
                <a:solidFill>
                  <a:schemeClr val="bg1"/>
                </a:solidFill>
              </a:rPr>
              <a:t>ScenarioInputs</a:t>
            </a:r>
            <a:endParaRPr lang="en-GB" sz="1200">
              <a:solidFill>
                <a:schemeClr val="bg1"/>
              </a:solidFill>
            </a:endParaRPr>
          </a:p>
          <a:p>
            <a:pPr marL="171450" indent="-171450">
              <a:buFontTx/>
              <a:buChar char="-"/>
            </a:pPr>
            <a:r>
              <a:rPr lang="en-GB" sz="1200" err="1">
                <a:solidFill>
                  <a:schemeClr val="bg1"/>
                </a:solidFill>
              </a:rPr>
              <a:t>ScenarioResults</a:t>
            </a:r>
            <a:endParaRPr lang="en-GB" sz="1200">
              <a:solidFill>
                <a:schemeClr val="bg1"/>
              </a:solidFill>
            </a:endParaRP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9E8B45D6-FFDC-4C19-7AF0-FB5072A073DB}"/>
              </a:ext>
            </a:extLst>
          </p:cNvPr>
          <p:cNvGrpSpPr/>
          <p:nvPr/>
        </p:nvGrpSpPr>
        <p:grpSpPr>
          <a:xfrm>
            <a:off x="6395424" y="1911929"/>
            <a:ext cx="2395984" cy="3696978"/>
            <a:chOff x="4905744" y="1582945"/>
            <a:chExt cx="2477729" cy="3696978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36A62E95-7043-C22C-F8CD-32EDC29FB36D}"/>
                </a:ext>
              </a:extLst>
            </p:cNvPr>
            <p:cNvSpPr/>
            <p:nvPr/>
          </p:nvSpPr>
          <p:spPr>
            <a:xfrm>
              <a:off x="4905744" y="1582945"/>
              <a:ext cx="2477729" cy="3696978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GB" b="1" err="1">
                  <a:solidFill>
                    <a:schemeClr val="tx2"/>
                  </a:solidFill>
                </a:rPr>
                <a:t>MAESTRIOfigaro</a:t>
              </a:r>
              <a:endParaRPr lang="en-GB" b="1">
                <a:solidFill>
                  <a:schemeClr val="tx2"/>
                </a:solidFill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AF5759DE-5780-640E-BE9A-CA66247F3ABC}"/>
                </a:ext>
              </a:extLst>
            </p:cNvPr>
            <p:cNvSpPr/>
            <p:nvPr/>
          </p:nvSpPr>
          <p:spPr>
            <a:xfrm>
              <a:off x="5097015" y="1981365"/>
              <a:ext cx="2130936" cy="589935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GB" sz="1200" b="1" err="1">
                  <a:solidFill>
                    <a:schemeClr val="bg1"/>
                  </a:solidFill>
                </a:rPr>
                <a:t>MAESTRIOfigaro</a:t>
              </a:r>
              <a:r>
                <a:rPr lang="en-GB" sz="1200" b="1">
                  <a:solidFill>
                    <a:schemeClr val="bg1"/>
                  </a:solidFill>
                </a:rPr>
                <a:t> _setup</a:t>
              </a:r>
              <a:br>
                <a:rPr lang="en-GB" sz="1200" b="1">
                  <a:solidFill>
                    <a:schemeClr val="bg1"/>
                  </a:solidFill>
                </a:rPr>
              </a:br>
              <a:r>
                <a:rPr lang="en-GB" sz="1200">
                  <a:solidFill>
                    <a:schemeClr val="bg1"/>
                  </a:solidFill>
                </a:rPr>
                <a:t>- Data</a:t>
              </a:r>
            </a:p>
            <a:p>
              <a:r>
                <a:rPr lang="en-GB" sz="1200">
                  <a:solidFill>
                    <a:schemeClr val="bg1"/>
                  </a:solidFill>
                </a:rPr>
                <a:t>- </a:t>
              </a:r>
              <a:r>
                <a:rPr lang="en-GB" sz="1200" err="1">
                  <a:solidFill>
                    <a:schemeClr val="bg1"/>
                  </a:solidFill>
                </a:rPr>
                <a:t>ParameterEstimation</a:t>
              </a:r>
              <a:endParaRPr lang="en-GB" sz="1200">
                <a:solidFill>
                  <a:schemeClr val="bg1"/>
                </a:solidFill>
              </a:endParaRPr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7771132D-E4EA-BA24-402B-3D17A7A0E0CC}"/>
                </a:ext>
              </a:extLst>
            </p:cNvPr>
            <p:cNvSpPr/>
            <p:nvPr/>
          </p:nvSpPr>
          <p:spPr>
            <a:xfrm>
              <a:off x="5097015" y="2655363"/>
              <a:ext cx="2130936" cy="11916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200" b="1" err="1">
                  <a:solidFill>
                    <a:schemeClr val="bg1"/>
                  </a:solidFill>
                </a:rPr>
                <a:t>MAESTRIOfigaro</a:t>
              </a:r>
              <a:r>
                <a:rPr lang="en-GB" sz="1200" b="1">
                  <a:solidFill>
                    <a:schemeClr val="bg1"/>
                  </a:solidFill>
                </a:rPr>
                <a:t> _study1</a:t>
              </a:r>
            </a:p>
            <a:p>
              <a:pPr marL="171450" indent="-171450">
                <a:buFontTx/>
                <a:buChar char="-"/>
              </a:pPr>
              <a:r>
                <a:rPr lang="en-GB" sz="1200" err="1">
                  <a:solidFill>
                    <a:schemeClr val="bg1"/>
                  </a:solidFill>
                </a:rPr>
                <a:t>IndustrySplit</a:t>
              </a:r>
              <a:endParaRPr lang="en-GB" sz="1200">
                <a:solidFill>
                  <a:schemeClr val="bg1"/>
                </a:solidFill>
              </a:endParaRPr>
            </a:p>
            <a:p>
              <a:pPr marL="171450" indent="-171450">
                <a:buFontTx/>
                <a:buChar char="-"/>
              </a:pPr>
              <a:r>
                <a:rPr lang="en-GB" sz="1200" err="1">
                  <a:solidFill>
                    <a:schemeClr val="bg1"/>
                  </a:solidFill>
                </a:rPr>
                <a:t>StudyParameterEstimation</a:t>
              </a:r>
              <a:endParaRPr lang="en-GB" sz="1200">
                <a:solidFill>
                  <a:schemeClr val="bg1"/>
                </a:solidFill>
              </a:endParaRPr>
            </a:p>
            <a:p>
              <a:pPr marL="171450" indent="-171450">
                <a:buFontTx/>
                <a:buChar char="-"/>
              </a:pPr>
              <a:r>
                <a:rPr lang="en-GB" sz="1200" err="1">
                  <a:solidFill>
                    <a:schemeClr val="bg1"/>
                  </a:solidFill>
                </a:rPr>
                <a:t>ScenarioInputs</a:t>
              </a:r>
              <a:endParaRPr lang="en-GB" sz="1200">
                <a:solidFill>
                  <a:schemeClr val="bg1"/>
                </a:solidFill>
              </a:endParaRPr>
            </a:p>
            <a:p>
              <a:pPr marL="171450" indent="-171450">
                <a:buFontTx/>
                <a:buChar char="-"/>
              </a:pPr>
              <a:r>
                <a:rPr lang="en-GB" sz="1200" err="1">
                  <a:solidFill>
                    <a:schemeClr val="bg1"/>
                  </a:solidFill>
                </a:rPr>
                <a:t>ScenarioResults</a:t>
              </a:r>
              <a:endParaRPr lang="en-GB" sz="1200">
                <a:solidFill>
                  <a:schemeClr val="bg1"/>
                </a:solidFill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D6B81449-4365-D183-8D67-E93CE2EF6BB3}"/>
                </a:ext>
              </a:extLst>
            </p:cNvPr>
            <p:cNvSpPr/>
            <p:nvPr/>
          </p:nvSpPr>
          <p:spPr>
            <a:xfrm>
              <a:off x="5097015" y="3951584"/>
              <a:ext cx="2130936" cy="11916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200" b="1" err="1">
                  <a:solidFill>
                    <a:schemeClr val="bg1"/>
                  </a:solidFill>
                </a:rPr>
                <a:t>MAESTRIOfigaro</a:t>
              </a:r>
              <a:r>
                <a:rPr lang="en-GB" sz="1200" b="1">
                  <a:solidFill>
                    <a:schemeClr val="bg1"/>
                  </a:solidFill>
                </a:rPr>
                <a:t> _study2</a:t>
              </a:r>
            </a:p>
            <a:p>
              <a:pPr marL="171450" indent="-171450">
                <a:buFontTx/>
                <a:buChar char="-"/>
              </a:pPr>
              <a:r>
                <a:rPr lang="en-GB" sz="1200" err="1">
                  <a:solidFill>
                    <a:schemeClr val="bg1"/>
                  </a:solidFill>
                </a:rPr>
                <a:t>IndustrySplit</a:t>
              </a:r>
              <a:endParaRPr lang="en-GB" sz="1200">
                <a:solidFill>
                  <a:schemeClr val="bg1"/>
                </a:solidFill>
              </a:endParaRPr>
            </a:p>
            <a:p>
              <a:pPr marL="171450" indent="-171450">
                <a:buFontTx/>
                <a:buChar char="-"/>
              </a:pPr>
              <a:r>
                <a:rPr lang="en-GB" sz="1200" err="1">
                  <a:solidFill>
                    <a:schemeClr val="bg1"/>
                  </a:solidFill>
                </a:rPr>
                <a:t>StudyParameterEstimation</a:t>
              </a:r>
              <a:endParaRPr lang="en-GB" sz="1200">
                <a:solidFill>
                  <a:schemeClr val="bg1"/>
                </a:solidFill>
              </a:endParaRPr>
            </a:p>
            <a:p>
              <a:pPr marL="171450" indent="-171450">
                <a:buFontTx/>
                <a:buChar char="-"/>
              </a:pPr>
              <a:r>
                <a:rPr lang="en-GB" sz="1200" err="1">
                  <a:solidFill>
                    <a:schemeClr val="bg1"/>
                  </a:solidFill>
                </a:rPr>
                <a:t>ScenarioInputs</a:t>
              </a:r>
              <a:endParaRPr lang="en-GB" sz="1200">
                <a:solidFill>
                  <a:schemeClr val="bg1"/>
                </a:solidFill>
              </a:endParaRPr>
            </a:p>
            <a:p>
              <a:pPr marL="171450" indent="-171450">
                <a:buFontTx/>
                <a:buChar char="-"/>
              </a:pPr>
              <a:r>
                <a:rPr lang="en-GB" sz="1200" err="1">
                  <a:solidFill>
                    <a:schemeClr val="bg1"/>
                  </a:solidFill>
                </a:rPr>
                <a:t>ScenarioResults</a:t>
              </a:r>
              <a:endParaRPr lang="en-GB" sz="1200">
                <a:solidFill>
                  <a:schemeClr val="bg1"/>
                </a:solidFill>
              </a:endParaRPr>
            </a:p>
          </p:txBody>
        </p:sp>
      </p:grpSp>
      <p:pic>
        <p:nvPicPr>
          <p:cNvPr id="6" name="Picture 5">
            <a:extLst>
              <a:ext uri="{FF2B5EF4-FFF2-40B4-BE49-F238E27FC236}">
                <a16:creationId xmlns:a16="http://schemas.microsoft.com/office/drawing/2014/main" id="{8AA218E9-4D5E-D508-5212-F9E6339DF86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96509" y="1929543"/>
            <a:ext cx="404582" cy="313495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BD3F3A18-C9FA-3F8D-1187-8AFC0FC7C4B5}"/>
              </a:ext>
            </a:extLst>
          </p:cNvPr>
          <p:cNvSpPr txBox="1">
            <a:spLocks/>
          </p:cNvSpPr>
          <p:nvPr/>
        </p:nvSpPr>
        <p:spPr>
          <a:xfrm>
            <a:off x="2064544" y="392783"/>
            <a:ext cx="9407973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850" b="1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/>
              <a:t>Code and code structure</a:t>
            </a:r>
          </a:p>
        </p:txBody>
      </p:sp>
      <p:sp>
        <p:nvSpPr>
          <p:cNvPr id="32" name="Content Placeholder 2">
            <a:extLst>
              <a:ext uri="{FF2B5EF4-FFF2-40B4-BE49-F238E27FC236}">
                <a16:creationId xmlns:a16="http://schemas.microsoft.com/office/drawing/2014/main" id="{EC90EB2E-C273-8211-8B76-BC96D7DDB09D}"/>
              </a:ext>
            </a:extLst>
          </p:cNvPr>
          <p:cNvSpPr txBox="1">
            <a:spLocks/>
          </p:cNvSpPr>
          <p:nvPr/>
        </p:nvSpPr>
        <p:spPr>
          <a:xfrm>
            <a:off x="9118600" y="1704775"/>
            <a:ext cx="2493616" cy="3502226"/>
          </a:xfrm>
          <a:prstGeom prst="rect">
            <a:avLst/>
          </a:prstGeom>
        </p:spPr>
        <p:txBody>
          <a:bodyPr vert="horz" lIns="0" tIns="0" rIns="0" bIns="0" rtlCol="0" anchor="t">
            <a:normAutofit fontScale="77500" lnSpcReduction="20000"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</a:pPr>
            <a:r>
              <a:rPr lang="en-GB">
                <a:latin typeface="Calibri Light"/>
                <a:ea typeface="Calibri Light"/>
                <a:cs typeface="Calibri Light"/>
              </a:rPr>
              <a:t>100% flexible model</a:t>
            </a:r>
          </a:p>
          <a:p>
            <a:pPr lvl="1">
              <a:lnSpc>
                <a:spcPct val="120000"/>
              </a:lnSpc>
            </a:pPr>
            <a:r>
              <a:rPr lang="en-GB">
                <a:latin typeface="Calibri Light"/>
                <a:ea typeface="Calibri Light"/>
                <a:cs typeface="Calibri Light"/>
              </a:rPr>
              <a:t>endogenous or exogenous trajectory evolution</a:t>
            </a:r>
          </a:p>
          <a:p>
            <a:pPr lvl="1">
              <a:lnSpc>
                <a:spcPct val="120000"/>
              </a:lnSpc>
            </a:pPr>
            <a:r>
              <a:rPr lang="en-GB">
                <a:latin typeface="Calibri Light"/>
                <a:ea typeface="Calibri Light"/>
                <a:cs typeface="Calibri Light"/>
              </a:rPr>
              <a:t>data granularity</a:t>
            </a:r>
          </a:p>
          <a:p>
            <a:pPr lvl="1">
              <a:lnSpc>
                <a:spcPct val="120000"/>
              </a:lnSpc>
            </a:pPr>
            <a:r>
              <a:rPr lang="en-GB">
                <a:latin typeface="Calibri Light"/>
                <a:ea typeface="Calibri Light"/>
                <a:cs typeface="Calibri Light"/>
              </a:rPr>
              <a:t>results</a:t>
            </a:r>
          </a:p>
          <a:p>
            <a:pPr>
              <a:lnSpc>
                <a:spcPct val="120000"/>
              </a:lnSpc>
            </a:pPr>
            <a:r>
              <a:rPr lang="en-GB">
                <a:latin typeface="Calibri Light"/>
                <a:ea typeface="Calibri Light"/>
                <a:cs typeface="Calibri Light"/>
              </a:rPr>
              <a:t>Study structure </a:t>
            </a:r>
          </a:p>
          <a:p>
            <a:pPr lvl="1">
              <a:lnSpc>
                <a:spcPct val="120000"/>
              </a:lnSpc>
            </a:pPr>
            <a:r>
              <a:rPr lang="en-GB">
                <a:latin typeface="Calibri Light"/>
                <a:ea typeface="Calibri Light"/>
                <a:cs typeface="Calibri Light"/>
              </a:rPr>
              <a:t>HDF5 file</a:t>
            </a:r>
          </a:p>
          <a:p>
            <a:pPr lvl="1">
              <a:lnSpc>
                <a:spcPct val="120000"/>
              </a:lnSpc>
            </a:pPr>
            <a:r>
              <a:rPr lang="en-GB">
                <a:latin typeface="Calibri Light"/>
                <a:ea typeface="Calibri Light"/>
                <a:cs typeface="Calibri Light"/>
              </a:rPr>
              <a:t>efficient (and portable) access to any trajectory data and result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539BBC4F-AEB4-71FE-4AE0-542493A71BE2}"/>
              </a:ext>
            </a:extLst>
          </p:cNvPr>
          <p:cNvSpPr/>
          <p:nvPr/>
        </p:nvSpPr>
        <p:spPr>
          <a:xfrm>
            <a:off x="65578" y="2185250"/>
            <a:ext cx="1901575" cy="934493"/>
          </a:xfrm>
          <a:prstGeom prst="rect">
            <a:avLst/>
          </a:prstGeom>
          <a:solidFill>
            <a:srgbClr val="0070C0"/>
          </a:solidFill>
          <a:ln w="57150">
            <a:solidFill>
              <a:srgbClr val="00B0F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study management </a:t>
            </a:r>
          </a:p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general computations</a:t>
            </a:r>
          </a:p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basic plots</a:t>
            </a:r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8C8E9CA4-AF85-D1FD-408F-8A1419F6E540}"/>
              </a:ext>
            </a:extLst>
          </p:cNvPr>
          <p:cNvSpPr/>
          <p:nvPr/>
        </p:nvSpPr>
        <p:spPr>
          <a:xfrm>
            <a:off x="65578" y="2919113"/>
            <a:ext cx="1901575" cy="1117134"/>
          </a:xfrm>
          <a:prstGeom prst="rect">
            <a:avLst/>
          </a:prstGeom>
          <a:solidFill>
            <a:srgbClr val="0070C0"/>
          </a:solidFill>
          <a:ln w="57150">
            <a:solidFill>
              <a:srgbClr val="00B0F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Reading and processing SUT data</a:t>
            </a:r>
          </a:p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Aggregation routines</a:t>
            </a:r>
          </a:p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Reading and processing of other relevant data</a:t>
            </a: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C2489B69-97E0-B1B9-3037-57952BEA796E}"/>
              </a:ext>
            </a:extLst>
          </p:cNvPr>
          <p:cNvSpPr/>
          <p:nvPr/>
        </p:nvSpPr>
        <p:spPr>
          <a:xfrm>
            <a:off x="65578" y="3789201"/>
            <a:ext cx="1901575" cy="1112999"/>
          </a:xfrm>
          <a:prstGeom prst="rect">
            <a:avLst/>
          </a:prstGeom>
          <a:solidFill>
            <a:srgbClr val="0070C0"/>
          </a:solidFill>
          <a:ln w="57150">
            <a:solidFill>
              <a:srgbClr val="00B0F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Allowing Excel-based scenario configuration</a:t>
            </a:r>
          </a:p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Country and industry grouping for scenarios</a:t>
            </a:r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42D91A5D-D355-38F3-1E87-DA3CDA0B6DEB}"/>
              </a:ext>
            </a:extLst>
          </p:cNvPr>
          <p:cNvSpPr/>
          <p:nvPr/>
        </p:nvSpPr>
        <p:spPr>
          <a:xfrm>
            <a:off x="65578" y="4637165"/>
            <a:ext cx="1901575" cy="934493"/>
          </a:xfrm>
          <a:prstGeom prst="rect">
            <a:avLst/>
          </a:prstGeom>
          <a:solidFill>
            <a:srgbClr val="0070C0"/>
          </a:solidFill>
          <a:ln w="57150">
            <a:solidFill>
              <a:srgbClr val="00B0F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Plotting scenario data</a:t>
            </a:r>
          </a:p>
          <a:p>
            <a:pPr marL="171450" indent="-171450">
              <a:buFontTx/>
              <a:buChar char="-"/>
            </a:pPr>
            <a:r>
              <a:rPr lang="en-GB" sz="1200">
                <a:solidFill>
                  <a:schemeClr val="bg1"/>
                </a:solidFill>
              </a:rPr>
              <a:t>Comparing scenarios</a:t>
            </a:r>
          </a:p>
        </p:txBody>
      </p:sp>
      <p:pic>
        <p:nvPicPr>
          <p:cNvPr id="44" name="Picture 43">
            <a:extLst>
              <a:ext uri="{FF2B5EF4-FFF2-40B4-BE49-F238E27FC236}">
                <a16:creationId xmlns:a16="http://schemas.microsoft.com/office/drawing/2014/main" id="{722E417F-57D2-791D-C39A-6C91B77F666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95424" y="1911981"/>
            <a:ext cx="5350800" cy="3667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73425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18" grpId="0" animBg="1"/>
      <p:bldP spid="19" grpId="0" animBg="1"/>
      <p:bldP spid="20" grpId="0" animBg="1"/>
      <p:bldP spid="32" grpId="0"/>
      <p:bldP spid="37" grpId="0" animBg="1"/>
      <p:bldP spid="37" grpId="1" animBg="1"/>
      <p:bldP spid="40" grpId="0" animBg="1"/>
      <p:bldP spid="40" grpId="1" animBg="1"/>
      <p:bldP spid="41" grpId="0" animBg="1"/>
      <p:bldP spid="41" grpId="1" animBg="1"/>
      <p:bldP spid="42" grpId="0" animBg="1"/>
      <p:bldP spid="42" grpId="1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8101AB-612E-9591-5FDE-34F91964C8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WISE Horizons scenario examp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90E9E26-0268-1A15-E311-3594E78648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0" y="2055817"/>
            <a:ext cx="4241799" cy="3910012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GB" b="1"/>
              <a:t>Changing final demand</a:t>
            </a:r>
          </a:p>
          <a:p>
            <a:pPr marL="0" indent="0">
              <a:buNone/>
            </a:pPr>
            <a:endParaRPr lang="en-GB"/>
          </a:p>
          <a:p>
            <a:r>
              <a:rPr lang="en-GB"/>
              <a:t>Sufficiency scenario</a:t>
            </a:r>
          </a:p>
          <a:p>
            <a:pPr lvl="1"/>
            <a:r>
              <a:rPr lang="en-GB"/>
              <a:t>Change in spending patterns of Western European HH</a:t>
            </a:r>
          </a:p>
          <a:p>
            <a:pPr lvl="1"/>
            <a:r>
              <a:rPr lang="en-GB"/>
              <a:t>HH spending about 4% lower</a:t>
            </a:r>
          </a:p>
          <a:p>
            <a:pPr lvl="1"/>
            <a:r>
              <a:rPr lang="en-GB"/>
              <a:t>Rest of the world HH endogenous</a:t>
            </a:r>
          </a:p>
          <a:p>
            <a:r>
              <a:rPr lang="en-GB"/>
              <a:t>Slow growth scenario</a:t>
            </a:r>
          </a:p>
          <a:p>
            <a:pPr lvl="1"/>
            <a:r>
              <a:rPr lang="en-GB"/>
              <a:t>HH spending: sufficiency</a:t>
            </a:r>
          </a:p>
          <a:p>
            <a:pPr lvl="1"/>
            <a:r>
              <a:rPr lang="en-GB"/>
              <a:t>350% increase in government spending on education and health</a:t>
            </a:r>
          </a:p>
        </p:txBody>
      </p:sp>
      <p:pic>
        <p:nvPicPr>
          <p:cNvPr id="6" name="Picture 5" descr="A graph of different colored lines&#10;&#10;AI-generated content may be incorrect.">
            <a:extLst>
              <a:ext uri="{FF2B5EF4-FFF2-40B4-BE49-F238E27FC236}">
                <a16:creationId xmlns:a16="http://schemas.microsoft.com/office/drawing/2014/main" id="{4468C2DD-F880-E5A3-4DD2-2F01E9718AF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6800" y="1556489"/>
            <a:ext cx="4241799" cy="530151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8429228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DFC56A-8A57-86FA-C1E0-655E022236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>
                <a:ea typeface="Calibri"/>
                <a:cs typeface="Calibri"/>
              </a:rPr>
              <a:t>WISE Horizons “sufficiency” scenario</a:t>
            </a:r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7A70A40-9AD8-4675-06AA-02BE25127A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BD1D043-DD5B-4525-D781-4A8F5980FEE9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r="-183"/>
          <a:stretch>
            <a:fillRect/>
          </a:stretch>
        </p:blipFill>
        <p:spPr>
          <a:xfrm>
            <a:off x="407458" y="1434042"/>
            <a:ext cx="5413497" cy="54356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BB0C9D4A-F12C-55AA-C9CE-C8ACB1B83323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>
            <a:fillRect/>
          </a:stretch>
        </p:blipFill>
        <p:spPr>
          <a:xfrm>
            <a:off x="6180667" y="1428751"/>
            <a:ext cx="5414433" cy="542501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1CA48A3-E83E-6D19-998D-9514FB4F64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7224" y="6019376"/>
            <a:ext cx="2324424" cy="8192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846158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86D4765-97CF-4198-84B5-E383C47D0B2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EF2E94-7819-A161-722C-EAD0D48030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>
                <a:ea typeface="Calibri"/>
                <a:cs typeface="Calibri"/>
              </a:rPr>
              <a:t>WISE Horizons “slow growth” scenario</a:t>
            </a:r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7539B2-8A23-EFB4-99A0-42998AE19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32C32E3-07DE-4D40-6C98-38DA9EB113B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9506" y="1427545"/>
            <a:ext cx="5459392" cy="543045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2D79E15-B073-9882-6EF8-13E65ECCA79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23803" y="1425133"/>
            <a:ext cx="5459393" cy="543045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C893B129-D8B9-0295-FF33-9BE8788A98D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7224" y="6019376"/>
            <a:ext cx="2324424" cy="8192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656379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FDA9222-138B-7954-D36B-0EE3F39804C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8ED5CED6-F520-CFA5-DD88-926A4DD280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RTE EV scenario example</a:t>
            </a:r>
            <a:br>
              <a:rPr lang="en-GB"/>
            </a:br>
            <a:r>
              <a:rPr lang="en-GB" sz="3200" b="0"/>
              <a:t>European transition towards Electric Vehicles:</a:t>
            </a:r>
            <a:br>
              <a:rPr lang="en-GB" sz="3200" b="0"/>
            </a:br>
            <a:r>
              <a:rPr lang="en-GB" sz="3200" b="0"/>
              <a:t>Impact on Energy Consumption across world regions</a:t>
            </a:r>
            <a:endParaRPr lang="en-GB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6915056-A564-7134-765B-1770BA98062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279133" y="2252314"/>
            <a:ext cx="4076967" cy="3742086"/>
          </a:xfrm>
        </p:spPr>
        <p:txBody>
          <a:bodyPr vert="horz" lIns="0" tIns="0" rIns="0" bIns="0" rtlCol="0" anchor="t">
            <a:normAutofit/>
          </a:bodyPr>
          <a:lstStyle/>
          <a:p>
            <a:r>
              <a:rPr lang="en-GB" sz="1800" b="1" dirty="0"/>
              <a:t>Country aggregation</a:t>
            </a:r>
            <a:r>
              <a:rPr lang="en-GB" sz="1800" dirty="0"/>
              <a:t> of FIGARO into 4 regions: Europe (EU); North America (NAM); Asia (AS); Rest of the world (ROW)</a:t>
            </a:r>
          </a:p>
          <a:p>
            <a:r>
              <a:rPr lang="en-GB" sz="1800" b="1" dirty="0">
                <a:latin typeface="Calibri Light"/>
                <a:ea typeface="Calibri Light"/>
                <a:cs typeface="Calibri Light"/>
              </a:rPr>
              <a:t>Disaggregation of original automobile industry and product</a:t>
            </a:r>
            <a:r>
              <a:rPr lang="en-GB" sz="1800" dirty="0">
                <a:latin typeface="Calibri Light"/>
                <a:ea typeface="Calibri Light"/>
                <a:cs typeface="Calibri Light"/>
              </a:rPr>
              <a:t> (</a:t>
            </a:r>
            <a:r>
              <a:rPr lang="en-GB" sz="1800" i="1" dirty="0">
                <a:latin typeface="Calibri Light"/>
                <a:ea typeface="Calibri Light"/>
                <a:cs typeface="Calibri Light"/>
              </a:rPr>
              <a:t>C29</a:t>
            </a:r>
            <a:r>
              <a:rPr lang="en-GB" sz="1800" dirty="0">
                <a:latin typeface="Calibri Light"/>
                <a:ea typeface="Calibri Light"/>
                <a:cs typeface="Calibri Light"/>
              </a:rPr>
              <a:t>) into Electric (EV) and Internal Combustion (ICEV) Vehicles, with specific considerations by regions and for key sectors (batteries)</a:t>
            </a:r>
          </a:p>
          <a:p>
            <a:r>
              <a:rPr lang="en-GB" sz="1800" b="1" dirty="0">
                <a:latin typeface="Calibri Light"/>
                <a:ea typeface="Calibri Light"/>
                <a:cs typeface="Calibri Light"/>
              </a:rPr>
              <a:t>Final energy extensions </a:t>
            </a:r>
            <a:r>
              <a:rPr lang="en-GB" sz="1800" dirty="0">
                <a:latin typeface="Calibri Light"/>
                <a:ea typeface="Calibri Light"/>
                <a:cs typeface="Calibri Light"/>
              </a:rPr>
              <a:t>based on IEA and EUROSTAT data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0C05FE8-CA6A-FFF1-1A09-31EA99724D9E}"/>
              </a:ext>
            </a:extLst>
          </p:cNvPr>
          <p:cNvSpPr/>
          <p:nvPr/>
        </p:nvSpPr>
        <p:spPr>
          <a:xfrm>
            <a:off x="4657625" y="2252314"/>
            <a:ext cx="3394176" cy="3107356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b="1">
                <a:solidFill>
                  <a:schemeClr val="tx2"/>
                </a:solidFill>
              </a:rPr>
              <a:t>Scenario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b="1">
                <a:solidFill>
                  <a:schemeClr val="tx2"/>
                </a:solidFill>
              </a:rPr>
              <a:t>Final demand changes: </a:t>
            </a:r>
            <a:r>
              <a:rPr lang="en-GB">
                <a:solidFill>
                  <a:schemeClr val="tx2"/>
                </a:solidFill>
              </a:rPr>
              <a:t>European FD shift from ICEV to EV (total FD of automobile sector remains constant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b="1">
                <a:solidFill>
                  <a:schemeClr val="tx2"/>
                </a:solidFill>
              </a:rPr>
              <a:t>Technological change:</a:t>
            </a:r>
            <a:r>
              <a:rPr lang="en-GB">
                <a:solidFill>
                  <a:schemeClr val="tx2"/>
                </a:solidFill>
              </a:rPr>
              <a:t> Evolution of technical coefficients to represent EV shift on intermediate consumption of EU industries</a:t>
            </a:r>
            <a:endParaRPr lang="en-GB" noProof="0">
              <a:solidFill>
                <a:schemeClr val="tx2"/>
              </a:solidFill>
            </a:endParaRPr>
          </a:p>
        </p:txBody>
      </p:sp>
      <p:graphicFrame>
        <p:nvGraphicFramePr>
          <p:cNvPr id="3" name="Graphique 2">
            <a:extLst>
              <a:ext uri="{FF2B5EF4-FFF2-40B4-BE49-F238E27FC236}">
                <a16:creationId xmlns:a16="http://schemas.microsoft.com/office/drawing/2014/main" id="{B42CF097-2270-0C1F-799A-AA509C1A850C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300939614"/>
              </p:ext>
            </p:extLst>
          </p:nvPr>
        </p:nvGraphicFramePr>
        <p:xfrm>
          <a:off x="8180000" y="2252314"/>
          <a:ext cx="3935800" cy="320200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pic>
        <p:nvPicPr>
          <p:cNvPr id="4" name="Picture 3">
            <a:extLst>
              <a:ext uri="{FF2B5EF4-FFF2-40B4-BE49-F238E27FC236}">
                <a16:creationId xmlns:a16="http://schemas.microsoft.com/office/drawing/2014/main" id="{AA02BA30-17D1-E688-BAA2-5D4D2605B2E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10337" y="5692787"/>
            <a:ext cx="1981663" cy="116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30331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Graphic spid="3" grpId="0">
        <p:bldAsOne/>
      </p:bldGraphic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0CFF5CC-10FF-4155-33B2-F51ECEAB59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>
                <a:ea typeface="Calibri"/>
                <a:cs typeface="Calibri"/>
              </a:rPr>
              <a:t>EV scenario implementation in MAESTRIO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F68902A8-E9D1-3D1B-5E79-41C87CBA69F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76083322"/>
              </p:ext>
            </p:extLst>
          </p:nvPr>
        </p:nvGraphicFramePr>
        <p:xfrm>
          <a:off x="333374" y="2016955"/>
          <a:ext cx="11630027" cy="2803870"/>
        </p:xfrm>
        <a:graphic>
          <a:graphicData uri="http://schemas.openxmlformats.org/drawingml/2006/table">
            <a:tbl>
              <a:tblPr firstRow="1" bandRow="1">
                <a:tableStyleId>{B301B821-A1FF-4177-AEE7-76D212191A09}</a:tableStyleId>
              </a:tblPr>
              <a:tblGrid>
                <a:gridCol w="3080463">
                  <a:extLst>
                    <a:ext uri="{9D8B030D-6E8A-4147-A177-3AD203B41FA5}">
                      <a16:colId xmlns:a16="http://schemas.microsoft.com/office/drawing/2014/main" val="3664362876"/>
                    </a:ext>
                  </a:extLst>
                </a:gridCol>
                <a:gridCol w="1365866">
                  <a:extLst>
                    <a:ext uri="{9D8B030D-6E8A-4147-A177-3AD203B41FA5}">
                      <a16:colId xmlns:a16="http://schemas.microsoft.com/office/drawing/2014/main" val="2558152253"/>
                    </a:ext>
                  </a:extLst>
                </a:gridCol>
                <a:gridCol w="1482110">
                  <a:extLst>
                    <a:ext uri="{9D8B030D-6E8A-4147-A177-3AD203B41FA5}">
                      <a16:colId xmlns:a16="http://schemas.microsoft.com/office/drawing/2014/main" val="1316166407"/>
                    </a:ext>
                  </a:extLst>
                </a:gridCol>
                <a:gridCol w="1346492">
                  <a:extLst>
                    <a:ext uri="{9D8B030D-6E8A-4147-A177-3AD203B41FA5}">
                      <a16:colId xmlns:a16="http://schemas.microsoft.com/office/drawing/2014/main" val="1552255164"/>
                    </a:ext>
                  </a:extLst>
                </a:gridCol>
                <a:gridCol w="1088774">
                  <a:extLst>
                    <a:ext uri="{9D8B030D-6E8A-4147-A177-3AD203B41FA5}">
                      <a16:colId xmlns:a16="http://schemas.microsoft.com/office/drawing/2014/main" val="466634979"/>
                    </a:ext>
                  </a:extLst>
                </a:gridCol>
                <a:gridCol w="1088774">
                  <a:extLst>
                    <a:ext uri="{9D8B030D-6E8A-4147-A177-3AD203B41FA5}">
                      <a16:colId xmlns:a16="http://schemas.microsoft.com/office/drawing/2014/main" val="32373015"/>
                    </a:ext>
                  </a:extLst>
                </a:gridCol>
                <a:gridCol w="1088774">
                  <a:extLst>
                    <a:ext uri="{9D8B030D-6E8A-4147-A177-3AD203B41FA5}">
                      <a16:colId xmlns:a16="http://schemas.microsoft.com/office/drawing/2014/main" val="3405853990"/>
                    </a:ext>
                  </a:extLst>
                </a:gridCol>
                <a:gridCol w="1088774">
                  <a:extLst>
                    <a:ext uri="{9D8B030D-6E8A-4147-A177-3AD203B41FA5}">
                      <a16:colId xmlns:a16="http://schemas.microsoft.com/office/drawing/2014/main" val="1714416044"/>
                    </a:ext>
                  </a:extLst>
                </a:gridCol>
              </a:tblGrid>
              <a:tr h="533255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cenario change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Variables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From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To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2024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2025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...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lvl="0" algn="ctr">
                        <a:buNone/>
                      </a:pPr>
                      <a:r>
                        <a:rPr lang="en-US" sz="1600"/>
                        <a:t>2050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2732919"/>
                  </a:ext>
                </a:extLst>
              </a:tr>
              <a:tr h="533255">
                <a:tc>
                  <a:txBody>
                    <a:bodyPr/>
                    <a:lstStyle/>
                    <a:p>
                      <a:r>
                        <a:rPr lang="en-US" sz="1600"/>
                        <a:t>Shift in final demand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EU_P3_S14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0" u="none" strike="noStrike" noProof="0">
                          <a:solidFill>
                            <a:srgbClr val="000000"/>
                          </a:solidFill>
                          <a:latin typeface="+mn-lt"/>
                          <a:ea typeface="Calibri"/>
                          <a:cs typeface="Calibri"/>
                        </a:rPr>
                        <a:t>EU_P51G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CPA_C29_ICEV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CPA_C29_EV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-5%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-6%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…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vl="0" algn="ctr">
                        <a:buNone/>
                      </a:pPr>
                      <a:r>
                        <a:rPr lang="en-US" sz="1600"/>
                        <a:t>-27%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43669319"/>
                  </a:ext>
                </a:extLst>
              </a:tr>
              <a:tr h="533255">
                <a:tc>
                  <a:txBody>
                    <a:bodyPr/>
                    <a:lstStyle/>
                    <a:p>
                      <a:r>
                        <a:rPr lang="en-US" sz="1600"/>
                        <a:t>Shift in use coefficients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B matrix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CPA_C29_ICEV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CPA_C29_EV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-5%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-6%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…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</a:tcPr>
                </a:tc>
                <a:tc>
                  <a:txBody>
                    <a:bodyPr/>
                    <a:lstStyle/>
                    <a:p>
                      <a:pPr lvl="0" algn="ctr">
                        <a:buNone/>
                      </a:pPr>
                      <a:r>
                        <a:rPr lang="en-US" sz="1600"/>
                        <a:t>-27%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97521435"/>
                  </a:ext>
                </a:extLst>
              </a:tr>
              <a:tr h="533255">
                <a:tc>
                  <a:txBody>
                    <a:bodyPr/>
                    <a:lstStyle/>
                    <a:p>
                      <a:r>
                        <a:rPr lang="en-US" sz="1600" i="1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Exogenous final demand increase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i="1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EU_P3_S14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1" u="none" strike="noStrike" noProof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+mn-lt"/>
                          <a:ea typeface="Calibri"/>
                          <a:cs typeface="Calibri"/>
                        </a:rPr>
                        <a:t>EU_P51G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1" u="none" strike="noStrike" noProof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+mn-lt"/>
                          <a:ea typeface="Calibri"/>
                          <a:cs typeface="Calibri"/>
                        </a:rPr>
                        <a:t>EU_CPA_D35</a:t>
                      </a:r>
                      <a:endParaRPr lang="en-US" sz="1600" i="1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i="1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N/A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i="1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endParaRPr lang="en-US" sz="1600"/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>
                      <a:solidFill>
                        <a:schemeClr val="tx1"/>
                      </a:solidFill>
                    </a:lnB>
                    <a:solidFill>
                      <a:schemeClr val="tx2">
                        <a:lumMod val="10000"/>
                        <a:lumOff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76122395"/>
                  </a:ext>
                </a:extLst>
              </a:tr>
              <a:tr h="533255">
                <a:tc>
                  <a:txBody>
                    <a:bodyPr/>
                    <a:lstStyle/>
                    <a:p>
                      <a:r>
                        <a:rPr lang="en-US" sz="1600" i="1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Exogenous final demand decrease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i="1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EU_P3_S14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1" u="none" strike="noStrike" noProof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+mn-lt"/>
                          <a:ea typeface="Calibri"/>
                          <a:cs typeface="Calibri"/>
                        </a:rPr>
                        <a:t>EU_P51G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1" u="none" strike="noStrike" noProof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+mn-lt"/>
                          <a:ea typeface="Calibri"/>
                          <a:cs typeface="Calibri"/>
                        </a:rPr>
                        <a:t>EU_CPA_C19</a:t>
                      </a:r>
                      <a:endParaRPr lang="en-US" sz="1600" i="1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i="1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N/A</a:t>
                      </a: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endParaRPr lang="en-US" sz="1600">
                        <a:solidFill>
                          <a:schemeClr val="bg1">
                            <a:lumMod val="76000"/>
                          </a:schemeClr>
                        </a:solidFill>
                      </a:endParaRPr>
                    </a:p>
                  </a:txBody>
                  <a:tcPr anchor="ctr">
                    <a:lnL w="0">
                      <a:noFill/>
                    </a:lnL>
                    <a:lnR w="0">
                      <a:noFill/>
                    </a:lnR>
                    <a:lnT w="12700">
                      <a:solidFill>
                        <a:schemeClr val="tx1"/>
                      </a:solidFill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74593671"/>
                  </a:ext>
                </a:extLst>
              </a:tr>
            </a:tbl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8684C357-FB2A-6587-CDB0-CB5B93E3AAA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210337" y="5692787"/>
            <a:ext cx="1981663" cy="1160391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36E604DE-3C0B-992F-93B8-69169351930A}"/>
              </a:ext>
            </a:extLst>
          </p:cNvPr>
          <p:cNvSpPr txBox="1"/>
          <p:nvPr/>
        </p:nvSpPr>
        <p:spPr>
          <a:xfrm>
            <a:off x="495299" y="5308485"/>
            <a:ext cx="3648075" cy="1169551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r>
              <a:rPr lang="en-US" sz="1400" b="1"/>
              <a:t>FIGARO classification</a:t>
            </a:r>
          </a:p>
          <a:p>
            <a:r>
              <a:rPr lang="en-US" sz="1400"/>
              <a:t>P3_S14 : HH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b="0" i="0" u="none" strike="noStrike" noProof="0">
                <a:solidFill>
                  <a:srgbClr val="000000"/>
                </a:solidFill>
                <a:latin typeface="+mn-lt"/>
                <a:ea typeface="Calibri"/>
                <a:cs typeface="Calibri"/>
              </a:rPr>
              <a:t>P51G : GFCF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>
                <a:solidFill>
                  <a:srgbClr val="000000"/>
                </a:solidFill>
                <a:ea typeface="Calibri"/>
                <a:cs typeface="Calibri"/>
              </a:rPr>
              <a:t>CPA_D35 : Electricity, gas and steam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>
                <a:solidFill>
                  <a:srgbClr val="000000"/>
                </a:solidFill>
                <a:ea typeface="Calibri"/>
                <a:cs typeface="Calibri"/>
              </a:rPr>
              <a:t>CPA_C19 : Petroleum products</a:t>
            </a:r>
          </a:p>
        </p:txBody>
      </p:sp>
    </p:spTree>
    <p:extLst>
      <p:ext uri="{BB962C8B-B14F-4D97-AF65-F5344CB8AC3E}">
        <p14:creationId xmlns:p14="http://schemas.microsoft.com/office/powerpoint/2010/main" val="376581810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49504A7-4D05-67D9-D34F-7CEE4592D2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EV example: Baseline – Pop growth</a:t>
            </a:r>
          </a:p>
        </p:txBody>
      </p:sp>
      <p:pic>
        <p:nvPicPr>
          <p:cNvPr id="6" name="Image 5" descr="Une image contenant texte, Tracé, ligne, diagramme&#10;&#10;Le contenu généré par l’IA peut être incorrect.">
            <a:extLst>
              <a:ext uri="{FF2B5EF4-FFF2-40B4-BE49-F238E27FC236}">
                <a16:creationId xmlns:a16="http://schemas.microsoft.com/office/drawing/2014/main" id="{6D60ADB9-19F8-469D-D060-A491E9DCCC7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4393" y="1579259"/>
            <a:ext cx="5225462" cy="5115273"/>
          </a:xfrm>
          <a:prstGeom prst="rect">
            <a:avLst/>
          </a:prstGeom>
        </p:spPr>
      </p:pic>
      <p:pic>
        <p:nvPicPr>
          <p:cNvPr id="12" name="Image 11" descr="Une image contenant texte, capture d’écran, Caractère coloré, diagramme&#10;&#10;Le contenu généré par l’IA peut être incorrect.">
            <a:extLst>
              <a:ext uri="{FF2B5EF4-FFF2-40B4-BE49-F238E27FC236}">
                <a16:creationId xmlns:a16="http://schemas.microsoft.com/office/drawing/2014/main" id="{E70A3194-867F-8756-7BEA-6153FF471FC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73001" y="1579095"/>
            <a:ext cx="5225795" cy="511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15364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E438DC18-94E4-74C6-98B4-634351C46B4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5599302" cy="68580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B0622AED-CA15-AA66-4D3C-B1534F2531CE}"/>
              </a:ext>
            </a:extLst>
          </p:cNvPr>
          <p:cNvSpPr txBox="1"/>
          <p:nvPr/>
        </p:nvSpPr>
        <p:spPr>
          <a:xfrm>
            <a:off x="0" y="0"/>
            <a:ext cx="34798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200">
                <a:solidFill>
                  <a:schemeClr val="bg1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theguardian.com/commentisfree/2026/jun/10/economists-maths-growth-doomed-strategy-un-agencies-political-leaders</a:t>
            </a:r>
            <a:r>
              <a:rPr lang="en-GB" sz="1200">
                <a:solidFill>
                  <a:schemeClr val="bg1"/>
                </a:solidFill>
              </a:rPr>
              <a:t> 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C8423CA8-21D6-10DE-D98A-DE91621BAD4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92700" y="457200"/>
            <a:ext cx="4608700" cy="5123034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B2B4B736-2DF2-22E3-D11F-CD118639BACF}"/>
              </a:ext>
            </a:extLst>
          </p:cNvPr>
          <p:cNvSpPr txBox="1"/>
          <p:nvPr/>
        </p:nvSpPr>
        <p:spPr>
          <a:xfrm>
            <a:off x="6465700" y="5671235"/>
            <a:ext cx="4951600" cy="259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100">
                <a:hlinkClick r:id="rId5"/>
              </a:rPr>
              <a:t>https://www.neep-poverty.org/roadmap-for-eradicating-poverty-beyond-growth/</a:t>
            </a:r>
            <a:r>
              <a:rPr lang="en-GB" sz="110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302033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3D420CD-E2ED-294B-8A35-10D66293842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56E38EA-0495-6C0A-4706-EB5BDC6E1D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EV scenario results</a:t>
            </a:r>
            <a:br>
              <a:rPr lang="en-GB"/>
            </a:br>
            <a:r>
              <a:rPr lang="en-GB"/>
              <a:t>(direct &amp; indirect energy consumption)</a:t>
            </a:r>
            <a:endParaRPr lang="en-GB">
              <a:ea typeface="Calibri"/>
              <a:cs typeface="Calibri"/>
            </a:endParaRPr>
          </a:p>
        </p:txBody>
      </p:sp>
      <p:pic>
        <p:nvPicPr>
          <p:cNvPr id="7" name="Image 6" descr="Une image contenant texte, capture d’écran, Tracé, Police&#10;&#10;Le contenu généré par l’IA peut être incorrect.">
            <a:extLst>
              <a:ext uri="{FF2B5EF4-FFF2-40B4-BE49-F238E27FC236}">
                <a16:creationId xmlns:a16="http://schemas.microsoft.com/office/drawing/2014/main" id="{EC080D6C-5422-E360-B38A-B30EAB19730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302" y="1665371"/>
            <a:ext cx="4681123" cy="4582413"/>
          </a:xfrm>
          <a:prstGeom prst="rect">
            <a:avLst/>
          </a:prstGeom>
        </p:spPr>
      </p:pic>
      <p:pic>
        <p:nvPicPr>
          <p:cNvPr id="10" name="Image 9" descr="Une image contenant texte, capture d’écran, Tracé, diagramme&#10;&#10;Le contenu généré par l’IA peut être incorrect.">
            <a:extLst>
              <a:ext uri="{FF2B5EF4-FFF2-40B4-BE49-F238E27FC236}">
                <a16:creationId xmlns:a16="http://schemas.microsoft.com/office/drawing/2014/main" id="{132DD3A5-5DAF-DE0A-FDEC-866C1DE6AB8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5416" y="1665177"/>
            <a:ext cx="4681518" cy="4582800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F148076D-85CB-0764-9A5F-13C38601B78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10337" y="5692787"/>
            <a:ext cx="1981663" cy="1160391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5BCBFF69-D88F-5F25-5615-B901A117086D}"/>
              </a:ext>
            </a:extLst>
          </p:cNvPr>
          <p:cNvSpPr/>
          <p:nvPr/>
        </p:nvSpPr>
        <p:spPr>
          <a:xfrm>
            <a:off x="312189" y="6403848"/>
            <a:ext cx="5193792" cy="301752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400" i="1" noProof="0">
                <a:solidFill>
                  <a:schemeClr val="tx2"/>
                </a:solidFill>
              </a:rPr>
              <a:t>* EU Final Energy consumption </a:t>
            </a:r>
            <a:r>
              <a:rPr lang="en-GB" sz="1400" i="1">
                <a:solidFill>
                  <a:schemeClr val="tx2"/>
                </a:solidFill>
              </a:rPr>
              <a:t>for</a:t>
            </a:r>
            <a:r>
              <a:rPr lang="en-GB" sz="1400" i="1" noProof="0">
                <a:solidFill>
                  <a:schemeClr val="tx2"/>
                </a:solidFill>
              </a:rPr>
              <a:t> </a:t>
            </a:r>
            <a:r>
              <a:rPr lang="en-GB" sz="1400" i="1">
                <a:solidFill>
                  <a:schemeClr val="tx2"/>
                </a:solidFill>
              </a:rPr>
              <a:t>road </a:t>
            </a:r>
            <a:r>
              <a:rPr lang="en-GB" sz="1400" i="1" noProof="0">
                <a:solidFill>
                  <a:schemeClr val="tx2"/>
                </a:solidFill>
              </a:rPr>
              <a:t>transport in 2023: 3 050 TWh </a:t>
            </a:r>
          </a:p>
        </p:txBody>
      </p:sp>
    </p:spTree>
    <p:extLst>
      <p:ext uri="{BB962C8B-B14F-4D97-AF65-F5344CB8AC3E}">
        <p14:creationId xmlns:p14="http://schemas.microsoft.com/office/powerpoint/2010/main" val="190022566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798DF1-17B0-033C-FC66-CC54D60F5D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Refining energy (final and intermediate) consumption model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3228DD4-D817-BE4C-F50B-DA640EDF3EF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351680" cy="3910012"/>
          </a:xfrm>
        </p:spPr>
        <p:txBody>
          <a:bodyPr vert="horz" lIns="0" tIns="0" rIns="0" bIns="0" rtlCol="0" anchor="t">
            <a:normAutofit/>
          </a:bodyPr>
          <a:lstStyle/>
          <a:p>
            <a:r>
              <a:rPr lang="en-GB" dirty="0">
                <a:latin typeface="Calibri Light"/>
                <a:ea typeface="Calibri Light"/>
                <a:cs typeface="Calibri Light"/>
              </a:rPr>
              <a:t>A more physical approach to environmental extensions use</a:t>
            </a:r>
          </a:p>
          <a:p>
            <a:pPr lvl="1"/>
            <a:r>
              <a:rPr lang="en-GB" dirty="0">
                <a:latin typeface="Calibri Light"/>
                <a:ea typeface="Calibri Light"/>
                <a:cs typeface="Calibri Light"/>
              </a:rPr>
              <a:t>Linking direct energy consumption and related GHG emissions  by households with the evolution of the final demand</a:t>
            </a:r>
          </a:p>
          <a:p>
            <a:pPr lvl="1"/>
            <a:r>
              <a:rPr lang="en-GB" dirty="0">
                <a:latin typeface="Calibri Light"/>
                <a:ea typeface="Calibri Light"/>
                <a:cs typeface="Calibri Light"/>
              </a:rPr>
              <a:t>Linking direct energy consumption and related GHG emissions by industries with the evolution of the use coefficients</a:t>
            </a:r>
            <a:endParaRPr lang="en-GB" dirty="0">
              <a:solidFill>
                <a:srgbClr val="003C65"/>
              </a:solidFill>
              <a:latin typeface="Calibri Light"/>
              <a:ea typeface="Calibri Light"/>
              <a:cs typeface="Calibri Light"/>
            </a:endParaRPr>
          </a:p>
          <a:p>
            <a:pPr marL="0" indent="0">
              <a:buNone/>
            </a:pPr>
            <a:endParaRPr lang="en-GB" dirty="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2666784-DE87-5F70-8E6C-7A2C032EE8D9}"/>
              </a:ext>
            </a:extLst>
          </p:cNvPr>
          <p:cNvSpPr>
            <a:spLocks noGrp="1"/>
          </p:cNvSpPr>
          <p:nvPr>
            <p:ph idx="14"/>
          </p:nvPr>
        </p:nvSpPr>
        <p:spPr/>
        <p:txBody>
          <a:bodyPr vert="horz" lIns="0" tIns="0" rIns="0" bIns="0" rtlCol="0" anchor="t">
            <a:normAutofit/>
          </a:bodyPr>
          <a:lstStyle/>
          <a:p>
            <a:r>
              <a:rPr lang="en-GB" dirty="0"/>
              <a:t>Industry / product split</a:t>
            </a:r>
          </a:p>
          <a:p>
            <a:pPr lvl="1"/>
            <a:r>
              <a:rPr lang="en-GB" dirty="0">
                <a:latin typeface="Calibri Light"/>
                <a:ea typeface="Calibri Light"/>
                <a:cs typeface="Calibri Light"/>
              </a:rPr>
              <a:t>C19 – split gasoline, diesel and kerosene</a:t>
            </a:r>
            <a:endParaRPr lang="en-GB" dirty="0">
              <a:ea typeface="Calibri Light"/>
            </a:endParaRPr>
          </a:p>
          <a:p>
            <a:pPr lvl="1"/>
            <a:r>
              <a:rPr lang="en-GB" dirty="0">
                <a:latin typeface="Calibri Light"/>
                <a:ea typeface="Calibri Light"/>
                <a:cs typeface="Calibri Light"/>
              </a:rPr>
              <a:t>D35 – split electricity, gas and heat as three products and split electricity (wind, </a:t>
            </a:r>
            <a:r>
              <a:rPr lang="en-GB" dirty="0" err="1">
                <a:latin typeface="Calibri Light"/>
                <a:ea typeface="Calibri Light"/>
                <a:cs typeface="Calibri Light"/>
              </a:rPr>
              <a:t>pv</a:t>
            </a:r>
            <a:r>
              <a:rPr lang="en-GB" dirty="0">
                <a:latin typeface="Calibri Light"/>
                <a:ea typeface="Calibri Light"/>
                <a:cs typeface="Calibri Light"/>
              </a:rPr>
              <a:t>, nuclear, gas...) and gas (natural gas, biogas) industries  </a:t>
            </a:r>
            <a:endParaRPr lang="en-GB" dirty="0">
              <a:ea typeface="Calibri Light"/>
            </a:endParaRPr>
          </a:p>
          <a:p>
            <a:pPr lvl="1"/>
            <a:r>
              <a:rPr lang="en-GB" dirty="0"/>
              <a:t>G47 – here we can assume that you either pay the services for fuelling your car or services for charging your car (though a lot of charging will be done at home) – small difference</a:t>
            </a:r>
          </a:p>
          <a:p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6EE8B38-62E0-4BD2-4FC3-358C520137D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210337" y="5692787"/>
            <a:ext cx="1981663" cy="116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832452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9">
            <a:extLst>
              <a:ext uri="{FF2B5EF4-FFF2-40B4-BE49-F238E27FC236}">
                <a16:creationId xmlns:a16="http://schemas.microsoft.com/office/drawing/2014/main" id="{F48B9DD6-1EDE-BB47-9D30-7D9059BB3802}"/>
              </a:ext>
            </a:extLst>
          </p:cNvPr>
          <p:cNvGrpSpPr/>
          <p:nvPr/>
        </p:nvGrpSpPr>
        <p:grpSpPr>
          <a:xfrm>
            <a:off x="8788400" y="-4737"/>
            <a:ext cx="3209144" cy="2822399"/>
            <a:chOff x="8788400" y="-4737"/>
            <a:chExt cx="3209144" cy="2822399"/>
          </a:xfrm>
        </p:grpSpPr>
        <p:pic>
          <p:nvPicPr>
            <p:cNvPr id="11" name="Picture 10" descr="Maestronomad">
              <a:extLst>
                <a:ext uri="{FF2B5EF4-FFF2-40B4-BE49-F238E27FC236}">
                  <a16:creationId xmlns:a16="http://schemas.microsoft.com/office/drawing/2014/main" id="{B9DBB016-9CE9-8C5A-2917-31F1E19010F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8788400" y="-4737"/>
              <a:ext cx="3209144" cy="2822399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0542044-56BF-2AF8-0FED-3716930EF989}"/>
                </a:ext>
              </a:extLst>
            </p:cNvPr>
            <p:cNvSpPr txBox="1"/>
            <p:nvPr/>
          </p:nvSpPr>
          <p:spPr>
            <a:xfrm>
              <a:off x="9058921" y="95747"/>
              <a:ext cx="2929113" cy="20005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GB" sz="700">
                  <a:solidFill>
                    <a:schemeClr val="bg1">
                      <a:lumMod val="85000"/>
                    </a:schemeClr>
                  </a:solidFill>
                  <a:hlinkClick r:id="rId3">
                    <a:extLst>
                      <a:ext uri="{A12FA001-AC4F-418D-AE19-62706E023703}">
                        <ahyp:hlinkClr xmlns:ahyp="http://schemas.microsoft.com/office/drawing/2018/hyperlinkcolor" val="tx"/>
                      </a:ext>
                    </a:extLst>
                  </a:hlinkClick>
                </a:rPr>
                <a:t>https://images.cartoonstock.com/previews/CS640582_preview.jpg</a:t>
              </a:r>
              <a:r>
                <a:rPr lang="en-GB" sz="700">
                  <a:solidFill>
                    <a:schemeClr val="bg1">
                      <a:lumMod val="85000"/>
                    </a:schemeClr>
                  </a:solidFill>
                </a:rPr>
                <a:t> 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69D62E70-C0D6-76E0-4389-49F028F23C25}"/>
                </a:ext>
              </a:extLst>
            </p:cNvPr>
            <p:cNvSpPr txBox="1"/>
            <p:nvPr/>
          </p:nvSpPr>
          <p:spPr>
            <a:xfrm>
              <a:off x="10129304" y="2157745"/>
              <a:ext cx="22556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2000">
                  <a:solidFill>
                    <a:schemeClr val="accent6">
                      <a:lumMod val="60000"/>
                      <a:lumOff val="40000"/>
                    </a:schemeClr>
                  </a:solidFill>
                  <a:latin typeface="MV Boli" panose="02000500030200090000" pitchFamily="2" charset="0"/>
                  <a:cs typeface="MV Boli" panose="02000500030200090000" pitchFamily="2" charset="0"/>
                </a:rPr>
                <a:t>i</a:t>
              </a:r>
              <a:endParaRPr lang="en-GB">
                <a:solidFill>
                  <a:schemeClr val="accent6">
                    <a:lumMod val="60000"/>
                    <a:lumOff val="40000"/>
                  </a:schemeClr>
                </a:solidFill>
                <a:latin typeface="MV Boli" panose="02000500030200090000" pitchFamily="2" charset="0"/>
                <a:cs typeface="MV Boli" panose="02000500030200090000" pitchFamily="2" charset="0"/>
              </a:endParaRP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C4BDEFF0-4986-93F3-76F3-1840D9409D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Way forwar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BD0B2ED-5CBE-5917-A4D7-E07C2E679EB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4093210" cy="3910012"/>
          </a:xfrm>
        </p:spPr>
        <p:txBody>
          <a:bodyPr vert="horz" lIns="0" tIns="0" rIns="0" bIns="0" rtlCol="0" anchor="t">
            <a:normAutofit/>
          </a:bodyPr>
          <a:lstStyle/>
          <a:p>
            <a:r>
              <a:rPr lang="en-GB"/>
              <a:t>Model development</a:t>
            </a:r>
          </a:p>
          <a:p>
            <a:pPr lvl="1"/>
            <a:r>
              <a:rPr lang="en-GB">
                <a:latin typeface="Calibri Light"/>
                <a:ea typeface="Calibri Light"/>
                <a:cs typeface="Calibri Light"/>
              </a:rPr>
              <a:t>Direct energy consumption and emissions by households</a:t>
            </a:r>
          </a:p>
          <a:p>
            <a:pPr lvl="1"/>
            <a:r>
              <a:rPr lang="en-GB">
                <a:latin typeface="Calibri Light"/>
                <a:ea typeface="Calibri Light"/>
                <a:cs typeface="Calibri Light"/>
              </a:rPr>
              <a:t>Disaggregation of some key sectors in FIGARO data (</a:t>
            </a:r>
            <a:r>
              <a:rPr lang="en-GB" err="1">
                <a:latin typeface="Calibri Light"/>
                <a:ea typeface="Calibri Light"/>
                <a:cs typeface="Calibri Light"/>
              </a:rPr>
              <a:t>eg.</a:t>
            </a:r>
            <a:r>
              <a:rPr lang="en-GB">
                <a:latin typeface="Calibri Light"/>
                <a:ea typeface="Calibri Light"/>
                <a:cs typeface="Calibri Light"/>
              </a:rPr>
              <a:t> D35)</a:t>
            </a:r>
            <a:endParaRPr lang="en-US">
              <a:solidFill>
                <a:srgbClr val="000000"/>
              </a:solidFill>
              <a:latin typeface="Calibri Light"/>
              <a:ea typeface="Calibri Light"/>
              <a:cs typeface="Calibri Light"/>
            </a:endParaRPr>
          </a:p>
          <a:p>
            <a:pPr lvl="1"/>
            <a:r>
              <a:rPr lang="en-GB">
                <a:latin typeface="Calibri Light"/>
                <a:ea typeface="Calibri Light"/>
                <a:cs typeface="Calibri Light"/>
              </a:rPr>
              <a:t>Energy and emission footprints</a:t>
            </a:r>
            <a:endParaRPr lang="en-US">
              <a:solidFill>
                <a:srgbClr val="000000"/>
              </a:solidFill>
              <a:latin typeface="Calibri Light"/>
              <a:ea typeface="Calibri Light"/>
              <a:cs typeface="Calibri Light"/>
            </a:endParaRPr>
          </a:p>
          <a:p>
            <a:pPr lvl="1"/>
            <a:r>
              <a:rPr lang="en-GB">
                <a:latin typeface="Calibri Light"/>
                <a:ea typeface="Calibri Light"/>
                <a:cs typeface="Calibri Light"/>
              </a:rPr>
              <a:t>Household module</a:t>
            </a:r>
          </a:p>
          <a:p>
            <a:pPr lvl="1"/>
            <a:r>
              <a:rPr lang="en-GB"/>
              <a:t>FIGARO NAM loop</a:t>
            </a:r>
          </a:p>
          <a:p>
            <a:pPr lvl="1"/>
            <a:r>
              <a:rPr lang="en-GB"/>
              <a:t>Price modelling</a:t>
            </a:r>
          </a:p>
          <a:p>
            <a:pPr lvl="1"/>
            <a:r>
              <a:rPr lang="en-GB"/>
              <a:t>Production capacity checks to refine investment modelling</a:t>
            </a:r>
          </a:p>
          <a:p>
            <a:pPr lvl="1"/>
            <a:r>
              <a:rPr lang="en-GB"/>
              <a:t>Climate – wellbeing loop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C8E536D-8DD9-1917-73D6-D36FCE28C2E7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5374353" y="2259018"/>
            <a:ext cx="3887806" cy="3910012"/>
          </a:xfrm>
        </p:spPr>
        <p:txBody>
          <a:bodyPr vert="horz" lIns="0" tIns="0" rIns="0" bIns="0" rtlCol="0" anchor="t">
            <a:normAutofit/>
          </a:bodyPr>
          <a:lstStyle/>
          <a:p>
            <a:r>
              <a:rPr lang="en-GB"/>
              <a:t>Model applications </a:t>
            </a:r>
          </a:p>
          <a:p>
            <a:pPr lvl="1"/>
            <a:r>
              <a:rPr lang="en-GB">
                <a:latin typeface="Calibri Light"/>
                <a:ea typeface="Calibri Light"/>
                <a:cs typeface="Calibri Light"/>
              </a:rPr>
              <a:t>Job assessment for different electricity mixes from RTE's scenarios</a:t>
            </a:r>
          </a:p>
          <a:p>
            <a:pPr lvl="1"/>
            <a:r>
              <a:rPr lang="en-GB"/>
              <a:t>WISE Horizons scenarios</a:t>
            </a:r>
          </a:p>
          <a:p>
            <a:pPr lvl="1"/>
            <a:r>
              <a:rPr lang="en-GB"/>
              <a:t>Energy and GHG emissions footprints for RTE prospective scenarios</a:t>
            </a:r>
          </a:p>
          <a:p>
            <a:endParaRPr lang="en-GB"/>
          </a:p>
          <a:p>
            <a:r>
              <a:rPr lang="en-GB"/>
              <a:t>Model comparison with JRC FIDELIO</a:t>
            </a:r>
          </a:p>
          <a:p>
            <a:endParaRPr lang="en-GB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D31B3CA-E3D4-2705-AC15-C55D404C9C6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165656" y="2930731"/>
            <a:ext cx="1981663" cy="116039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B533485-6B5E-BE3C-217A-BBB76CAACBA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22056" y="6001792"/>
            <a:ext cx="2324424" cy="8192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979051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0A7728D-7133-4A50-AAD2-58F5F43001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Technology for a better societ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370370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F9E40C-C752-CDA4-843A-51C7569E83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Theoretical background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18D25464-CB44-EBD5-E1DC-BD5CF0BFC96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000"/>
              <a:t>Ecological Economics</a:t>
            </a:r>
          </a:p>
          <a:p>
            <a:pPr lvl="1"/>
            <a:r>
              <a:rPr lang="en-GB" sz="1800"/>
              <a:t>Not environmental economics (getting prices right to optimize welfare)</a:t>
            </a:r>
          </a:p>
          <a:p>
            <a:pPr lvl="1"/>
            <a:r>
              <a:rPr lang="en-GB" sz="1800"/>
              <a:t>Placing the economy in the wider society and the wider natural environment</a:t>
            </a:r>
          </a:p>
          <a:p>
            <a:pPr lvl="1"/>
            <a:r>
              <a:rPr lang="en-GB" sz="1800"/>
              <a:t>No explicit modelling of natural constraints, but showing surpassing of natural constraints and modelling of feedback loops</a:t>
            </a:r>
          </a:p>
          <a:p>
            <a:endParaRPr lang="en-GB" sz="280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62AA4CD-A727-116F-F987-0F48D9A73DC3}"/>
              </a:ext>
            </a:extLst>
          </p:cNvPr>
          <p:cNvSpPr>
            <a:spLocks noGrp="1"/>
          </p:cNvSpPr>
          <p:nvPr>
            <p:ph idx="14"/>
          </p:nvPr>
        </p:nvSpPr>
        <p:spPr/>
        <p:txBody>
          <a:bodyPr>
            <a:normAutofit/>
          </a:bodyPr>
          <a:lstStyle/>
          <a:p>
            <a:r>
              <a:rPr lang="en-GB" sz="2000"/>
              <a:t>Limitations of the approach</a:t>
            </a:r>
          </a:p>
          <a:p>
            <a:pPr lvl="1"/>
            <a:r>
              <a:rPr lang="en-GB" sz="1800"/>
              <a:t>Data driven: uncertainty/quality of data</a:t>
            </a:r>
          </a:p>
          <a:p>
            <a:pPr lvl="1"/>
            <a:r>
              <a:rPr lang="en-GB" sz="1800"/>
              <a:t>Country / industry / HH resolution </a:t>
            </a:r>
            <a:r>
              <a:rPr lang="en-GB" sz="1800">
                <a:sym typeface="Wingdings" panose="05000000000000000000" pitchFamily="2" charset="2"/>
              </a:rPr>
              <a:t> lack of micro foundation</a:t>
            </a:r>
          </a:p>
          <a:p>
            <a:pPr lvl="1"/>
            <a:r>
              <a:rPr lang="en-GB" sz="1800">
                <a:sym typeface="Wingdings" panose="05000000000000000000" pitchFamily="2" charset="2"/>
              </a:rPr>
              <a:t>Lukas critique, but any other method would also get  a critique</a:t>
            </a:r>
          </a:p>
          <a:p>
            <a:pPr lvl="1"/>
            <a:r>
              <a:rPr lang="en-GB" sz="1800">
                <a:sym typeface="Wingdings" panose="05000000000000000000" pitchFamily="2" charset="2"/>
              </a:rPr>
              <a:t>Less complex than, e.g. E3ME regarding technology and short/long-term terms, number of econometric equations</a:t>
            </a:r>
            <a:endParaRPr lang="en-GB" sz="1800"/>
          </a:p>
          <a:p>
            <a:endParaRPr lang="en-GB" sz="280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E106F1E-4029-4550-5CED-62A9F543D85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98707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7C9F0F-D8DF-BF5C-7F66-2A7F4136EA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Why do we need MAESTRIO?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D20276AA-9EBB-79AD-43A9-C96611823C7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1701800"/>
            <a:ext cx="5149124" cy="4467230"/>
          </a:xfrm>
        </p:spPr>
        <p:txBody>
          <a:bodyPr>
            <a:normAutofit fontScale="92500" lnSpcReduction="10000"/>
          </a:bodyPr>
          <a:lstStyle/>
          <a:p>
            <a:r>
              <a:rPr lang="en-GB" i="1"/>
              <a:t>“Democratising the Macroeconomic Modelling Toolbox” </a:t>
            </a:r>
            <a:r>
              <a:rPr lang="en-GB" sz="1900"/>
              <a:t>(D’Alessandro et al. 2026)</a:t>
            </a:r>
          </a:p>
          <a:p>
            <a:r>
              <a:rPr lang="en-GB"/>
              <a:t>What models need</a:t>
            </a:r>
          </a:p>
          <a:p>
            <a:pPr lvl="1"/>
            <a:r>
              <a:rPr lang="en-GB"/>
              <a:t>Industry and product resolution (exploration of structural change)</a:t>
            </a:r>
          </a:p>
          <a:p>
            <a:pPr lvl="1"/>
            <a:r>
              <a:rPr lang="en-GB"/>
              <a:t>Physical (e.g. energy) consistency</a:t>
            </a:r>
          </a:p>
          <a:p>
            <a:pPr lvl="1"/>
            <a:r>
              <a:rPr lang="en-GB"/>
              <a:t>Flexibility that allows for feedback loops between nature – society – economy </a:t>
            </a:r>
          </a:p>
          <a:p>
            <a:pPr lvl="1"/>
            <a:r>
              <a:rPr lang="en-GB"/>
              <a:t>Distributional aspects</a:t>
            </a:r>
          </a:p>
          <a:p>
            <a:pPr lvl="1"/>
            <a:r>
              <a:rPr lang="en-GB"/>
              <a:t>Integration with National Accounting Matrices</a:t>
            </a:r>
          </a:p>
          <a:p>
            <a:pPr lvl="1"/>
            <a:r>
              <a:rPr lang="en-GB"/>
              <a:t>Wellbeing and post-growth scenarios</a:t>
            </a:r>
          </a:p>
          <a:p>
            <a:pPr marL="266700" indent="-266700">
              <a:buNone/>
            </a:pPr>
            <a:r>
              <a:rPr lang="en-GB">
                <a:solidFill>
                  <a:schemeClr val="accent1"/>
                </a:solidFill>
                <a:sym typeface="Wingdings" panose="05000000000000000000" pitchFamily="2" charset="2"/>
              </a:rPr>
              <a:t></a:t>
            </a:r>
            <a:r>
              <a:rPr lang="en-GB"/>
              <a:t>Open-source global inter-industry model with a post-Keynesian approach to foster pluralism in modelling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7B6F4892-4140-BEFF-75D3-C650A7C56FD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20723" y="483070"/>
            <a:ext cx="2630796" cy="3033597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CB776915-3829-05D7-59F6-0D361BEE7692}"/>
              </a:ext>
            </a:extLst>
          </p:cNvPr>
          <p:cNvSpPr txBox="1"/>
          <p:nvPr/>
        </p:nvSpPr>
        <p:spPr>
          <a:xfrm>
            <a:off x="6572248" y="5602203"/>
            <a:ext cx="4979271" cy="5539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None/>
            </a:pPr>
            <a:r>
              <a:rPr lang="en-GB" sz="1000"/>
              <a:t>Edwards, A., Brockway, P. E., Bickerstaff, K., &amp; Nijsse, F. J. M. M. (2025). Towards modelling post-growth climate futures: a review of current modelling practices and next steps. </a:t>
            </a:r>
            <a:r>
              <a:rPr lang="en-GB" sz="1000" i="1"/>
              <a:t>Environmental Research Letters</a:t>
            </a:r>
            <a:r>
              <a:rPr lang="en-GB" sz="1000"/>
              <a:t>, </a:t>
            </a:r>
            <a:r>
              <a:rPr lang="en-GB" sz="1000" i="1"/>
              <a:t>20</a:t>
            </a:r>
            <a:r>
              <a:rPr lang="en-GB" sz="1000"/>
              <a:t>(5), 053005. </a:t>
            </a:r>
            <a:r>
              <a:rPr lang="en-GB" sz="1000">
                <a:hlinkClick r:id="rId3"/>
              </a:rPr>
              <a:t>https://doi.org/10.1088/1748-9326/ADC9C6</a:t>
            </a:r>
            <a:r>
              <a:rPr lang="en-GB" sz="1000"/>
              <a:t> 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492513E-F7DE-07AC-3CA8-BE55AC6777EA}"/>
              </a:ext>
            </a:extLst>
          </p:cNvPr>
          <p:cNvSpPr txBox="1"/>
          <p:nvPr/>
        </p:nvSpPr>
        <p:spPr>
          <a:xfrm>
            <a:off x="6572249" y="4692858"/>
            <a:ext cx="4979272" cy="7694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None/>
            </a:pPr>
            <a:r>
              <a:rPr lang="en-GB" sz="1100"/>
              <a:t>Wiebe, K. S., Aponte, F. R., Kaufmann, R., &amp; Lampropoulos, D. (2023). Review of macroeconomic approaches to modelling Wellbeing, Inclusion, and Sustainability. </a:t>
            </a:r>
            <a:r>
              <a:rPr lang="en-GB" sz="1100" i="1"/>
              <a:t>Final Version of WISE Horizons Deliverable 1.2.</a:t>
            </a:r>
            <a:r>
              <a:rPr lang="en-GB" sz="1100"/>
              <a:t> </a:t>
            </a:r>
            <a:r>
              <a:rPr lang="en-GB" sz="1100">
                <a:hlinkClick r:id="rId4"/>
              </a:rPr>
              <a:t>https://doi.org/10.5281/ZENODO.8370002</a:t>
            </a:r>
            <a:r>
              <a:rPr lang="en-GB" sz="1100"/>
              <a:t> 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E23A10C-8B6E-89F3-723A-E5C6F5148DC0}"/>
              </a:ext>
            </a:extLst>
          </p:cNvPr>
          <p:cNvSpPr txBox="1"/>
          <p:nvPr/>
        </p:nvSpPr>
        <p:spPr>
          <a:xfrm>
            <a:off x="6572249" y="3783513"/>
            <a:ext cx="4979273" cy="7694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None/>
            </a:pPr>
            <a:r>
              <a:rPr lang="en-GB" sz="1100"/>
              <a:t>D’Alessandro, S. Bordenave, M., &amp; Rouge, K. (2026). </a:t>
            </a:r>
            <a:r>
              <a:rPr lang="en-GB" sz="1100" i="1"/>
              <a:t>Policy Profile: Democratising the Macroeconomic Modelling Toolbox</a:t>
            </a:r>
            <a:r>
              <a:rPr lang="en-GB" sz="1100"/>
              <a:t>. </a:t>
            </a:r>
            <a:r>
              <a:rPr lang="en-GB" sz="1100">
                <a:hlinkClick r:id="rId5"/>
              </a:rPr>
              <a:t>https://www.neep-poverty.org/wp-content/uploads/2026/04/6.4_Democratising-the-macroeconomic-modelling-toolbox_WEBSITE.pdf</a:t>
            </a:r>
            <a:r>
              <a:rPr lang="en-GB" sz="110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1147257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uiExpand="1" build="p"/>
      <p:bldP spid="20" grpId="0"/>
      <p:bldP spid="22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15D39FD3-BCB9-7B00-E0A4-7F22151CF00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23932" y="1863496"/>
            <a:ext cx="1981663" cy="116039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A08BD2C-CE51-094B-F200-1E04FE0DB0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AESTRIO in sho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0E2EE57-DD03-F94D-116D-21B3EE65B2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638800" y="2259018"/>
            <a:ext cx="4932018" cy="3910012"/>
          </a:xfrm>
        </p:spPr>
        <p:txBody>
          <a:bodyPr/>
          <a:lstStyle/>
          <a:p>
            <a:r>
              <a:rPr lang="en-GB" b="1"/>
              <a:t>Core economic model</a:t>
            </a:r>
          </a:p>
          <a:p>
            <a:pPr lvl="1"/>
            <a:r>
              <a:rPr lang="en-GB"/>
              <a:t>Joint effort with RTE</a:t>
            </a:r>
          </a:p>
          <a:p>
            <a:pPr lvl="1"/>
            <a:r>
              <a:rPr lang="en-GB"/>
              <a:t>Open-source (most probably MPL2.0)</a:t>
            </a:r>
          </a:p>
          <a:p>
            <a:pPr lvl="1"/>
            <a:r>
              <a:rPr lang="en-GB"/>
              <a:t>Demand-driven SUT-based model (FIGARO 2025 Edition)</a:t>
            </a:r>
          </a:p>
          <a:p>
            <a:pPr lvl="1"/>
            <a:r>
              <a:rPr lang="en-GB"/>
              <a:t>Iterative solution: going forward one year at a time</a:t>
            </a:r>
          </a:p>
          <a:p>
            <a:r>
              <a:rPr lang="en-GB" b="1"/>
              <a:t>Wellbeing-climate feedbacks</a:t>
            </a:r>
            <a:r>
              <a:rPr lang="en-GB"/>
              <a:t> and </a:t>
            </a:r>
            <a:r>
              <a:rPr lang="en-GB" b="1"/>
              <a:t>post-growth scenarios </a:t>
            </a:r>
          </a:p>
          <a:p>
            <a:pPr lvl="1"/>
            <a:r>
              <a:rPr lang="en-GB"/>
              <a:t>Fabian’s presentation (yesterday)</a:t>
            </a:r>
          </a:p>
          <a:p>
            <a:pPr lvl="1"/>
            <a:r>
              <a:rPr lang="en-GB"/>
              <a:t>WISE Horizons project</a:t>
            </a:r>
          </a:p>
          <a:p>
            <a:endParaRPr lang="en-GB"/>
          </a:p>
        </p:txBody>
      </p:sp>
      <p:pic>
        <p:nvPicPr>
          <p:cNvPr id="6" name="Picture 5" descr="classical maestro cartoon with conductor and the caption A conductor conducting the planets by Rosie Brooks">
            <a:extLst>
              <a:ext uri="{FF2B5EF4-FFF2-40B4-BE49-F238E27FC236}">
                <a16:creationId xmlns:a16="http://schemas.microsoft.com/office/drawing/2014/main" id="{1B6BE3C6-1AC7-B453-D9DC-3BC8C77A0C8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flipH="1">
            <a:off x="1226344" y="2335218"/>
            <a:ext cx="2364531" cy="288000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2EB1148-67CC-85CF-DF2D-307271975FAD}"/>
              </a:ext>
            </a:extLst>
          </p:cNvPr>
          <p:cNvSpPr txBox="1"/>
          <p:nvPr/>
        </p:nvSpPr>
        <p:spPr>
          <a:xfrm>
            <a:off x="1226344" y="5327853"/>
            <a:ext cx="2374392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700">
                <a:solidFill>
                  <a:schemeClr val="bg1">
                    <a:lumMod val="85000"/>
                  </a:schemeClr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images.cartoonstock.com/lowres/music-conductor-conducting-symphony-planets-space-CS593128_low.jpg</a:t>
            </a:r>
            <a:r>
              <a:rPr lang="en-GB" sz="700">
                <a:solidFill>
                  <a:schemeClr val="bg1">
                    <a:lumMod val="85000"/>
                  </a:schemeClr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480948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FF9580-F980-125C-246B-4C19707BC3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Theoretical backgroun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D856D3-09D8-1861-9DF7-4AD3750A34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6752954" cy="3910012"/>
          </a:xfrm>
        </p:spPr>
        <p:txBody>
          <a:bodyPr/>
          <a:lstStyle/>
          <a:p>
            <a:r>
              <a:rPr lang="en-GB"/>
              <a:t>Demand-driven input-output trajectory model</a:t>
            </a:r>
          </a:p>
          <a:p>
            <a:r>
              <a:rPr lang="en-GB"/>
              <a:t>Post-Keynesian (Eichner and Kregel, 1975)</a:t>
            </a:r>
          </a:p>
          <a:p>
            <a:pPr lvl="1"/>
            <a:r>
              <a:rPr lang="en-GB"/>
              <a:t>Dynamics and path-dependence:</a:t>
            </a:r>
            <a:br>
              <a:rPr lang="en-GB"/>
            </a:br>
            <a:r>
              <a:rPr lang="en-GB"/>
              <a:t>one year forward at a time, myopic foresight  </a:t>
            </a:r>
          </a:p>
          <a:p>
            <a:pPr lvl="1"/>
            <a:r>
              <a:rPr lang="en-GB"/>
              <a:t>Money and the financial system: </a:t>
            </a:r>
            <a:br>
              <a:rPr lang="en-GB"/>
            </a:br>
            <a:r>
              <a:rPr lang="en-GB"/>
              <a:t>No constraints on investment</a:t>
            </a:r>
          </a:p>
          <a:p>
            <a:pPr lvl="1"/>
            <a:r>
              <a:rPr lang="en-GB"/>
              <a:t>Importance of distributional and aggregate outcomes:</a:t>
            </a:r>
            <a:br>
              <a:rPr lang="en-GB"/>
            </a:br>
            <a:r>
              <a:rPr lang="en-GB"/>
              <a:t>household quintiles </a:t>
            </a:r>
          </a:p>
          <a:p>
            <a:pPr lvl="1"/>
            <a:r>
              <a:rPr lang="en-GB"/>
              <a:t>Micro-basis to complement macro-level outcomes</a:t>
            </a:r>
          </a:p>
          <a:p>
            <a:pPr lvl="1"/>
            <a:endParaRPr lang="en-GB"/>
          </a:p>
        </p:txBody>
      </p:sp>
      <p:sp>
        <p:nvSpPr>
          <p:cNvPr id="8" name="Arrow: Left 7">
            <a:extLst>
              <a:ext uri="{FF2B5EF4-FFF2-40B4-BE49-F238E27FC236}">
                <a16:creationId xmlns:a16="http://schemas.microsoft.com/office/drawing/2014/main" id="{28677853-5308-9679-06DA-3D1EBBB8BBF6}"/>
              </a:ext>
            </a:extLst>
          </p:cNvPr>
          <p:cNvSpPr/>
          <p:nvPr/>
        </p:nvSpPr>
        <p:spPr>
          <a:xfrm>
            <a:off x="7108022" y="3009952"/>
            <a:ext cx="3715488" cy="452691"/>
          </a:xfrm>
          <a:prstGeom prst="leftArrow">
            <a:avLst/>
          </a:prstGeom>
          <a:solidFill>
            <a:schemeClr val="accent1"/>
          </a:solidFill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GB" sz="1400">
                <a:solidFill>
                  <a:schemeClr val="bg1"/>
                </a:solidFill>
              </a:rPr>
              <a:t>Fundamental uncertainty vs perfect knowledge</a:t>
            </a:r>
          </a:p>
        </p:txBody>
      </p:sp>
      <p:sp>
        <p:nvSpPr>
          <p:cNvPr id="9" name="Arrow: Left 8">
            <a:extLst>
              <a:ext uri="{FF2B5EF4-FFF2-40B4-BE49-F238E27FC236}">
                <a16:creationId xmlns:a16="http://schemas.microsoft.com/office/drawing/2014/main" id="{C5ADC513-4001-D666-D39F-57D0E94A6D8B}"/>
              </a:ext>
            </a:extLst>
          </p:cNvPr>
          <p:cNvSpPr/>
          <p:nvPr/>
        </p:nvSpPr>
        <p:spPr>
          <a:xfrm>
            <a:off x="7108023" y="3666489"/>
            <a:ext cx="2894394" cy="452691"/>
          </a:xfrm>
          <a:prstGeom prst="leftArrow">
            <a:avLst/>
          </a:prstGeom>
          <a:solidFill>
            <a:schemeClr val="accent1"/>
          </a:solidFill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GB" sz="1400">
                <a:solidFill>
                  <a:schemeClr val="bg1"/>
                </a:solidFill>
              </a:rPr>
              <a:t>Endogenous vs fixed money supply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422FE59D-A075-51CA-2BA6-6B688FCE093B}"/>
              </a:ext>
            </a:extLst>
          </p:cNvPr>
          <p:cNvSpPr txBox="1"/>
          <p:nvPr/>
        </p:nvSpPr>
        <p:spPr>
          <a:xfrm>
            <a:off x="7595118" y="3391676"/>
            <a:ext cx="4068147" cy="307777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en-GB" sz="1400">
                <a:solidFill>
                  <a:schemeClr val="accent1"/>
                </a:solidFill>
              </a:rPr>
              <a:t>Econometrically estimated behaviour vs optimization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10EE276-081E-504F-7A8D-D7A7EE083DC1}"/>
              </a:ext>
            </a:extLst>
          </p:cNvPr>
          <p:cNvSpPr txBox="1"/>
          <p:nvPr/>
        </p:nvSpPr>
        <p:spPr>
          <a:xfrm>
            <a:off x="7595118" y="4041026"/>
            <a:ext cx="4068147" cy="307777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en-GB" sz="1400">
                <a:solidFill>
                  <a:schemeClr val="accent1"/>
                </a:solidFill>
              </a:rPr>
              <a:t>Demand-driven (not at full capacity) vs supply driven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E890D9D-C4AB-EE7F-F37D-798A5288290F}"/>
              </a:ext>
            </a:extLst>
          </p:cNvPr>
          <p:cNvSpPr txBox="1"/>
          <p:nvPr/>
        </p:nvSpPr>
        <p:spPr>
          <a:xfrm>
            <a:off x="7595118" y="2465365"/>
            <a:ext cx="4068147" cy="338554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GB" sz="1600" b="1">
                <a:solidFill>
                  <a:schemeClr val="accent1"/>
                </a:solidFill>
              </a:rPr>
              <a:t>Main differences to CGE modelling</a:t>
            </a:r>
          </a:p>
        </p:txBody>
      </p:sp>
    </p:spTree>
    <p:extLst>
      <p:ext uri="{BB962C8B-B14F-4D97-AF65-F5344CB8AC3E}">
        <p14:creationId xmlns:p14="http://schemas.microsoft.com/office/powerpoint/2010/main" val="21378558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  <p:bldP spid="8" grpId="0" animBg="1"/>
      <p:bldP spid="9" grpId="0" animBg="1"/>
      <p:bldP spid="11" grpId="0" animBg="1"/>
      <p:bldP spid="12" grpId="0" animBg="1"/>
      <p:bldP spid="13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E65D7B-FA34-8092-4CA1-109189FEF4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/>
              <a:t>Empirical model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F5DF0C74-7776-1790-5417-65A8BAF9B9AB}"/>
              </a:ext>
            </a:extLst>
          </p:cNvPr>
          <p:cNvSpPr/>
          <p:nvPr/>
        </p:nvSpPr>
        <p:spPr>
          <a:xfrm>
            <a:off x="4493341" y="3765757"/>
            <a:ext cx="1012722" cy="74725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E04D3F1A-1102-86E4-B091-7EAD89BC2A7B}"/>
              </a:ext>
            </a:extLst>
          </p:cNvPr>
          <p:cNvSpPr/>
          <p:nvPr/>
        </p:nvSpPr>
        <p:spPr>
          <a:xfrm>
            <a:off x="4596581" y="3829669"/>
            <a:ext cx="1012722" cy="74725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4709B8D-D400-1435-4432-29FF26CF0169}"/>
              </a:ext>
            </a:extLst>
          </p:cNvPr>
          <p:cNvSpPr/>
          <p:nvPr/>
        </p:nvSpPr>
        <p:spPr>
          <a:xfrm>
            <a:off x="4704733" y="3918157"/>
            <a:ext cx="1012722" cy="74725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5FD87F8-C84C-44D5-E3FB-278D75693A31}"/>
              </a:ext>
            </a:extLst>
          </p:cNvPr>
          <p:cNvSpPr/>
          <p:nvPr/>
        </p:nvSpPr>
        <p:spPr>
          <a:xfrm>
            <a:off x="5933767" y="3765757"/>
            <a:ext cx="1012722" cy="74725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896C78F-9016-34D8-79E5-754AAACB38B8}"/>
              </a:ext>
            </a:extLst>
          </p:cNvPr>
          <p:cNvSpPr/>
          <p:nvPr/>
        </p:nvSpPr>
        <p:spPr>
          <a:xfrm>
            <a:off x="6037007" y="3829669"/>
            <a:ext cx="1012722" cy="74725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AB507BA9-20BF-BF0A-5864-360A7AA75DD4}"/>
              </a:ext>
            </a:extLst>
          </p:cNvPr>
          <p:cNvSpPr/>
          <p:nvPr/>
        </p:nvSpPr>
        <p:spPr>
          <a:xfrm>
            <a:off x="6145159" y="3918157"/>
            <a:ext cx="1012722" cy="74725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Use </a:t>
            </a:r>
            <a:r>
              <a:rPr lang="en-GB" sz="1400" err="1">
                <a:latin typeface="Cambria" panose="02040503050406030204" pitchFamily="18" charset="0"/>
                <a:ea typeface="Cambria" panose="02040503050406030204" pitchFamily="18" charset="0"/>
              </a:rPr>
              <a:t>coefficientmatrices</a:t>
            </a:r>
            <a:endParaRPr lang="en-GB" sz="140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287AB2E-73C8-00CB-2A94-D3033DE51A3E}"/>
              </a:ext>
            </a:extLst>
          </p:cNvPr>
          <p:cNvSpPr/>
          <p:nvPr/>
        </p:nvSpPr>
        <p:spPr>
          <a:xfrm>
            <a:off x="7374193" y="3765757"/>
            <a:ext cx="1012722" cy="74725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FF19BAD-1F81-0431-FA78-D6B7DCF31697}"/>
              </a:ext>
            </a:extLst>
          </p:cNvPr>
          <p:cNvSpPr/>
          <p:nvPr/>
        </p:nvSpPr>
        <p:spPr>
          <a:xfrm>
            <a:off x="7477433" y="3829669"/>
            <a:ext cx="1012722" cy="74725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264DAD3D-4828-5D83-539F-C6951F66A880}"/>
              </a:ext>
            </a:extLst>
          </p:cNvPr>
          <p:cNvSpPr/>
          <p:nvPr/>
        </p:nvSpPr>
        <p:spPr>
          <a:xfrm>
            <a:off x="7585585" y="3918157"/>
            <a:ext cx="1012722" cy="74725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Final demand matrice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Rectangle 14">
                <a:extLst>
                  <a:ext uri="{FF2B5EF4-FFF2-40B4-BE49-F238E27FC236}">
                    <a16:creationId xmlns:a16="http://schemas.microsoft.com/office/drawing/2014/main" id="{82AD5D2A-7AD8-ADC1-E2E9-EA90E67F79A9}"/>
                  </a:ext>
                </a:extLst>
              </p:cNvPr>
              <p:cNvSpPr/>
              <p:nvPr/>
            </p:nvSpPr>
            <p:spPr>
              <a:xfrm>
                <a:off x="1622321" y="3175822"/>
                <a:ext cx="2182762" cy="1229032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GB" sz="1600">
                    <a:latin typeface="Cambria" panose="02040503050406030204" pitchFamily="18" charset="0"/>
                    <a:ea typeface="Cambria" panose="02040503050406030204" pitchFamily="18" charset="0"/>
                  </a:rPr>
                  <a:t>Global SUT system</a:t>
                </a:r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GB" sz="1600" b="1" i="0" smtClean="0">
                          <a:latin typeface="Cambria Math" panose="02040503050406030204" pitchFamily="18" charset="0"/>
                          <a:ea typeface="Cambria" panose="02040503050406030204" pitchFamily="18" charset="0"/>
                        </a:rPr>
                        <m:t>𝐱</m:t>
                      </m:r>
                      <m:r>
                        <a:rPr lang="en-GB" sz="1600" b="1" i="0" smtClean="0">
                          <a:latin typeface="Cambria Math" panose="02040503050406030204" pitchFamily="18" charset="0"/>
                          <a:ea typeface="Cambria" panose="02040503050406030204" pitchFamily="18" charset="0"/>
                        </a:rPr>
                        <m:t>=</m:t>
                      </m:r>
                      <m:r>
                        <a:rPr lang="en-GB" sz="1600" b="1" i="0" smtClean="0">
                          <a:latin typeface="Cambria Math" panose="02040503050406030204" pitchFamily="18" charset="0"/>
                          <a:ea typeface="Cambria" panose="02040503050406030204" pitchFamily="18" charset="0"/>
                        </a:rPr>
                        <m:t>𝐃</m:t>
                      </m:r>
                      <m:sSup>
                        <m:sSupPr>
                          <m:ctrlPr>
                            <a:rPr lang="en-GB" sz="1600" b="1" i="1" smtClean="0">
                              <a:latin typeface="Cambria Math" panose="02040503050406030204" pitchFamily="18" charset="0"/>
                              <a:ea typeface="Cambria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GB" sz="1600" b="1" i="1" smtClean="0">
                                  <a:latin typeface="Cambria Math" panose="02040503050406030204" pitchFamily="18" charset="0"/>
                                  <a:ea typeface="Cambria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GB" sz="1600" b="1" i="0" smtClean="0">
                                  <a:latin typeface="Cambria Math" panose="02040503050406030204" pitchFamily="18" charset="0"/>
                                  <a:ea typeface="Cambria" panose="02040503050406030204" pitchFamily="18" charset="0"/>
                                </a:rPr>
                                <m:t>𝐈</m:t>
                              </m:r>
                              <m:r>
                                <a:rPr lang="en-GB" sz="1600" b="1" i="0" smtClean="0">
                                  <a:latin typeface="Cambria Math" panose="02040503050406030204" pitchFamily="18" charset="0"/>
                                  <a:ea typeface="Cambria" panose="02040503050406030204" pitchFamily="18" charset="0"/>
                                </a:rPr>
                                <m:t>−</m:t>
                              </m:r>
                              <m:r>
                                <a:rPr lang="en-GB" sz="1600" b="1" i="0" smtClean="0">
                                  <a:latin typeface="Cambria Math" panose="02040503050406030204" pitchFamily="18" charset="0"/>
                                  <a:ea typeface="Cambria" panose="02040503050406030204" pitchFamily="18" charset="0"/>
                                </a:rPr>
                                <m:t>𝐁𝐃</m:t>
                              </m:r>
                            </m:e>
                          </m:d>
                        </m:e>
                        <m:sup>
                          <m:r>
                            <a:rPr lang="en-GB" sz="1600" b="1" i="1" smtClean="0">
                              <a:latin typeface="Cambria Math" panose="02040503050406030204" pitchFamily="18" charset="0"/>
                              <a:ea typeface="Cambria" panose="02040503050406030204" pitchFamily="18" charset="0"/>
                            </a:rPr>
                            <m:t>−</m:t>
                          </m:r>
                          <m:r>
                            <a:rPr lang="en-GB" sz="1600" b="1" i="1" smtClean="0">
                              <a:latin typeface="Cambria Math" panose="02040503050406030204" pitchFamily="18" charset="0"/>
                              <a:ea typeface="Cambria" panose="02040503050406030204" pitchFamily="18" charset="0"/>
                            </a:rPr>
                            <m:t>𝟏</m:t>
                          </m:r>
                        </m:sup>
                      </m:sSup>
                      <m:r>
                        <a:rPr lang="en-GB" sz="1600" b="1" i="0" smtClean="0">
                          <a:latin typeface="Cambria Math" panose="02040503050406030204" pitchFamily="18" charset="0"/>
                          <a:ea typeface="Cambria" panose="02040503050406030204" pitchFamily="18" charset="0"/>
                        </a:rPr>
                        <m:t>𝐲</m:t>
                      </m:r>
                    </m:oMath>
                  </m:oMathPara>
                </a14:m>
                <a:endParaRPr lang="en-GB" sz="1600" b="1">
                  <a:latin typeface="Cambria" panose="02040503050406030204" pitchFamily="18" charset="0"/>
                  <a:ea typeface="Cambria" panose="02040503050406030204" pitchFamily="18" charset="0"/>
                </a:endParaRPr>
              </a:p>
            </p:txBody>
          </p:sp>
        </mc:Choice>
        <mc:Fallback xmlns="">
          <p:sp>
            <p:nvSpPr>
              <p:cNvPr id="15" name="Rectangle 14">
                <a:extLst>
                  <a:ext uri="{FF2B5EF4-FFF2-40B4-BE49-F238E27FC236}">
                    <a16:creationId xmlns:a16="http://schemas.microsoft.com/office/drawing/2014/main" id="{82AD5D2A-7AD8-ADC1-E2E9-EA90E67F79A9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22321" y="3175822"/>
                <a:ext cx="2182762" cy="1229032"/>
              </a:xfrm>
              <a:prstGeom prst="rect">
                <a:avLst/>
              </a:prstGeom>
              <a:blipFill>
                <a:blip r:embed="rId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6" name="Rectangle 15">
            <a:extLst>
              <a:ext uri="{FF2B5EF4-FFF2-40B4-BE49-F238E27FC236}">
                <a16:creationId xmlns:a16="http://schemas.microsoft.com/office/drawing/2014/main" id="{167B1769-4F71-E45E-2D00-7B42E774C3D1}"/>
              </a:ext>
            </a:extLst>
          </p:cNvPr>
          <p:cNvSpPr/>
          <p:nvPr/>
        </p:nvSpPr>
        <p:spPr>
          <a:xfrm>
            <a:off x="5933767" y="2543874"/>
            <a:ext cx="1012722" cy="747252"/>
          </a:xfrm>
          <a:prstGeom prst="rect">
            <a:avLst/>
          </a:prstGeom>
          <a:solidFill>
            <a:schemeClr val="tx2">
              <a:lumMod val="25000"/>
              <a:lumOff val="75000"/>
            </a:schemeClr>
          </a:solidFill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8EBA5C71-7173-0EE9-4288-D7EB5F91821A}"/>
              </a:ext>
            </a:extLst>
          </p:cNvPr>
          <p:cNvSpPr/>
          <p:nvPr/>
        </p:nvSpPr>
        <p:spPr>
          <a:xfrm>
            <a:off x="6037007" y="2607786"/>
            <a:ext cx="1012722" cy="747252"/>
          </a:xfrm>
          <a:prstGeom prst="rect">
            <a:avLst/>
          </a:prstGeom>
          <a:solidFill>
            <a:schemeClr val="tx2">
              <a:lumMod val="25000"/>
              <a:lumOff val="75000"/>
            </a:schemeClr>
          </a:solidFill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1393251E-B3E8-403C-3DA7-F01B983020C4}"/>
              </a:ext>
            </a:extLst>
          </p:cNvPr>
          <p:cNvSpPr/>
          <p:nvPr/>
        </p:nvSpPr>
        <p:spPr>
          <a:xfrm>
            <a:off x="6145159" y="2696274"/>
            <a:ext cx="1012722" cy="747252"/>
          </a:xfrm>
          <a:prstGeom prst="rect">
            <a:avLst/>
          </a:prstGeom>
          <a:solidFill>
            <a:schemeClr val="tx2">
              <a:lumMod val="25000"/>
              <a:lumOff val="75000"/>
            </a:schemeClr>
          </a:solidFill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Intermediate import shares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0B49A977-938F-EFE5-84E0-74E446532C70}"/>
              </a:ext>
            </a:extLst>
          </p:cNvPr>
          <p:cNvSpPr/>
          <p:nvPr/>
        </p:nvSpPr>
        <p:spPr>
          <a:xfrm>
            <a:off x="7374193" y="2543874"/>
            <a:ext cx="1012722" cy="747252"/>
          </a:xfrm>
          <a:prstGeom prst="rect">
            <a:avLst/>
          </a:prstGeom>
          <a:solidFill>
            <a:schemeClr val="tx2">
              <a:lumMod val="25000"/>
              <a:lumOff val="75000"/>
            </a:schemeClr>
          </a:solidFill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9F56BE6A-5690-5AB3-80DB-FC1B2D40D331}"/>
              </a:ext>
            </a:extLst>
          </p:cNvPr>
          <p:cNvSpPr/>
          <p:nvPr/>
        </p:nvSpPr>
        <p:spPr>
          <a:xfrm>
            <a:off x="7477433" y="2607786"/>
            <a:ext cx="1012722" cy="747252"/>
          </a:xfrm>
          <a:prstGeom prst="rect">
            <a:avLst/>
          </a:prstGeom>
          <a:solidFill>
            <a:schemeClr val="tx2">
              <a:lumMod val="25000"/>
              <a:lumOff val="75000"/>
            </a:schemeClr>
          </a:solidFill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Market share matrices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B5B02191-FAB6-156C-2163-2291A007FA40}"/>
              </a:ext>
            </a:extLst>
          </p:cNvPr>
          <p:cNvSpPr/>
          <p:nvPr/>
        </p:nvSpPr>
        <p:spPr>
          <a:xfrm>
            <a:off x="7585585" y="2696274"/>
            <a:ext cx="1012722" cy="747252"/>
          </a:xfrm>
          <a:prstGeom prst="rect">
            <a:avLst/>
          </a:prstGeom>
          <a:solidFill>
            <a:schemeClr val="tx2">
              <a:lumMod val="25000"/>
              <a:lumOff val="75000"/>
            </a:schemeClr>
          </a:solidFill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>
                <a:latin typeface="Cambria" panose="02040503050406030204" pitchFamily="18" charset="0"/>
                <a:ea typeface="Cambria" panose="02040503050406030204" pitchFamily="18" charset="0"/>
              </a:rPr>
              <a:t>Final import shares</a:t>
            </a:r>
          </a:p>
        </p:txBody>
      </p: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441EADD5-DCD1-86A0-822B-5C3A82CDAF5F}"/>
              </a:ext>
            </a:extLst>
          </p:cNvPr>
          <p:cNvCxnSpPr/>
          <p:nvPr/>
        </p:nvCxnSpPr>
        <p:spPr>
          <a:xfrm flipH="1">
            <a:off x="3805083" y="3608442"/>
            <a:ext cx="4286864" cy="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10623FBF-94F1-8C03-3197-0CDDD3C2E5BE}"/>
              </a:ext>
            </a:extLst>
          </p:cNvPr>
          <p:cNvCxnSpPr/>
          <p:nvPr/>
        </p:nvCxnSpPr>
        <p:spPr>
          <a:xfrm>
            <a:off x="8082113" y="3443526"/>
            <a:ext cx="0" cy="322231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FBC2EC13-697E-F9D6-D20E-AEBFB9E7DC45}"/>
              </a:ext>
            </a:extLst>
          </p:cNvPr>
          <p:cNvCxnSpPr/>
          <p:nvPr/>
        </p:nvCxnSpPr>
        <p:spPr>
          <a:xfrm>
            <a:off x="6602356" y="3438611"/>
            <a:ext cx="0" cy="322231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B73A1511-068C-0CCE-6E79-D05A02E425E8}"/>
              </a:ext>
            </a:extLst>
          </p:cNvPr>
          <p:cNvCxnSpPr/>
          <p:nvPr/>
        </p:nvCxnSpPr>
        <p:spPr>
          <a:xfrm>
            <a:off x="5166842" y="3605758"/>
            <a:ext cx="0" cy="162000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0" name="Group 59">
            <a:extLst>
              <a:ext uri="{FF2B5EF4-FFF2-40B4-BE49-F238E27FC236}">
                <a16:creationId xmlns:a16="http://schemas.microsoft.com/office/drawing/2014/main" id="{EE3E72DD-8263-3C5F-4FFB-8302AC7C070C}"/>
              </a:ext>
            </a:extLst>
          </p:cNvPr>
          <p:cNvGrpSpPr/>
          <p:nvPr/>
        </p:nvGrpSpPr>
        <p:grpSpPr>
          <a:xfrm>
            <a:off x="5014441" y="2164657"/>
            <a:ext cx="3220072" cy="2862968"/>
            <a:chOff x="5014441" y="2164657"/>
            <a:chExt cx="3220072" cy="2862968"/>
          </a:xfrm>
        </p:grpSpPr>
        <p:sp>
          <p:nvSpPr>
            <p:cNvPr id="3" name="Arrow: Down 2">
              <a:extLst>
                <a:ext uri="{FF2B5EF4-FFF2-40B4-BE49-F238E27FC236}">
                  <a16:creationId xmlns:a16="http://schemas.microsoft.com/office/drawing/2014/main" id="{6D8A63A7-6137-1E6B-C61C-243FF0BD841A}"/>
                </a:ext>
              </a:extLst>
            </p:cNvPr>
            <p:cNvSpPr/>
            <p:nvPr/>
          </p:nvSpPr>
          <p:spPr>
            <a:xfrm>
              <a:off x="6390967" y="2164657"/>
              <a:ext cx="304801" cy="358426"/>
            </a:xfrm>
            <a:prstGeom prst="downArrow">
              <a:avLst/>
            </a:prstGeom>
            <a:ln w="19050">
              <a:solidFill>
                <a:schemeClr val="accent6">
                  <a:lumMod val="60000"/>
                  <a:lumOff val="40000"/>
                </a:schemeClr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vert="vert270" rtlCol="0" anchor="ctr"/>
            <a:lstStyle/>
            <a:p>
              <a:pPr algn="ctr"/>
              <a:endParaRPr lang="en-GB" sz="1100">
                <a:latin typeface="Cambria" panose="02040503050406030204" pitchFamily="18" charset="0"/>
                <a:ea typeface="Cambria" panose="02040503050406030204" pitchFamily="18" charset="0"/>
              </a:endParaRPr>
            </a:p>
          </p:txBody>
        </p:sp>
        <p:sp>
          <p:nvSpPr>
            <p:cNvPr id="29" name="Arrow: Down 28">
              <a:extLst>
                <a:ext uri="{FF2B5EF4-FFF2-40B4-BE49-F238E27FC236}">
                  <a16:creationId xmlns:a16="http://schemas.microsoft.com/office/drawing/2014/main" id="{FD7D452E-D079-84F8-0695-8E45F5A6FD18}"/>
                </a:ext>
              </a:extLst>
            </p:cNvPr>
            <p:cNvSpPr/>
            <p:nvPr/>
          </p:nvSpPr>
          <p:spPr>
            <a:xfrm>
              <a:off x="7831393" y="2180534"/>
              <a:ext cx="304801" cy="358426"/>
            </a:xfrm>
            <a:prstGeom prst="downArrow">
              <a:avLst/>
            </a:prstGeom>
            <a:ln w="19050">
              <a:solidFill>
                <a:schemeClr val="accent6">
                  <a:lumMod val="60000"/>
                  <a:lumOff val="40000"/>
                </a:schemeClr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vert="vert270" rtlCol="0" anchor="ctr"/>
            <a:lstStyle/>
            <a:p>
              <a:pPr algn="ctr"/>
              <a:endParaRPr lang="en-GB" sz="1100">
                <a:latin typeface="Cambria" panose="02040503050406030204" pitchFamily="18" charset="0"/>
                <a:ea typeface="Cambria" panose="02040503050406030204" pitchFamily="18" charset="0"/>
              </a:endParaRPr>
            </a:p>
          </p:txBody>
        </p:sp>
        <p:sp>
          <p:nvSpPr>
            <p:cNvPr id="30" name="Arrow: Down 29">
              <a:extLst>
                <a:ext uri="{FF2B5EF4-FFF2-40B4-BE49-F238E27FC236}">
                  <a16:creationId xmlns:a16="http://schemas.microsoft.com/office/drawing/2014/main" id="{7ABC448D-F007-7339-EBBD-7619958B08FB}"/>
                </a:ext>
              </a:extLst>
            </p:cNvPr>
            <p:cNvSpPr/>
            <p:nvPr/>
          </p:nvSpPr>
          <p:spPr>
            <a:xfrm rot="10800000">
              <a:off x="5014441" y="4669199"/>
              <a:ext cx="304801" cy="358426"/>
            </a:xfrm>
            <a:prstGeom prst="downArrow">
              <a:avLst/>
            </a:prstGeom>
            <a:ln w="19050">
              <a:solidFill>
                <a:schemeClr val="accent6">
                  <a:lumMod val="60000"/>
                  <a:lumOff val="40000"/>
                </a:schemeClr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vert="vert270" rtlCol="0" anchor="ctr"/>
            <a:lstStyle/>
            <a:p>
              <a:pPr algn="ctr"/>
              <a:endParaRPr lang="en-GB" sz="1100">
                <a:latin typeface="Cambria" panose="02040503050406030204" pitchFamily="18" charset="0"/>
                <a:ea typeface="Cambria" panose="02040503050406030204" pitchFamily="18" charset="0"/>
              </a:endParaRPr>
            </a:p>
          </p:txBody>
        </p:sp>
        <p:sp>
          <p:nvSpPr>
            <p:cNvPr id="31" name="Arrow: Down 30">
              <a:extLst>
                <a:ext uri="{FF2B5EF4-FFF2-40B4-BE49-F238E27FC236}">
                  <a16:creationId xmlns:a16="http://schemas.microsoft.com/office/drawing/2014/main" id="{F4A9666A-780E-4C9E-273D-7B2AFEA5D400}"/>
                </a:ext>
              </a:extLst>
            </p:cNvPr>
            <p:cNvSpPr/>
            <p:nvPr/>
          </p:nvSpPr>
          <p:spPr>
            <a:xfrm rot="10800000">
              <a:off x="6449955" y="4666515"/>
              <a:ext cx="304801" cy="358426"/>
            </a:xfrm>
            <a:prstGeom prst="downArrow">
              <a:avLst/>
            </a:prstGeom>
            <a:ln w="19050">
              <a:solidFill>
                <a:schemeClr val="accent6">
                  <a:lumMod val="60000"/>
                  <a:lumOff val="40000"/>
                </a:schemeClr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vert="vert270" rtlCol="0" anchor="ctr"/>
            <a:lstStyle/>
            <a:p>
              <a:pPr algn="ctr"/>
              <a:endParaRPr lang="en-GB" sz="1100">
                <a:latin typeface="Cambria" panose="02040503050406030204" pitchFamily="18" charset="0"/>
                <a:ea typeface="Cambria" panose="02040503050406030204" pitchFamily="18" charset="0"/>
              </a:endParaRPr>
            </a:p>
          </p:txBody>
        </p:sp>
        <p:sp>
          <p:nvSpPr>
            <p:cNvPr id="32" name="Arrow: Down 31">
              <a:extLst>
                <a:ext uri="{FF2B5EF4-FFF2-40B4-BE49-F238E27FC236}">
                  <a16:creationId xmlns:a16="http://schemas.microsoft.com/office/drawing/2014/main" id="{F095946D-8F92-2F21-7E25-C662DA153BE3}"/>
                </a:ext>
              </a:extLst>
            </p:cNvPr>
            <p:cNvSpPr/>
            <p:nvPr/>
          </p:nvSpPr>
          <p:spPr>
            <a:xfrm rot="10800000">
              <a:off x="7929712" y="4661597"/>
              <a:ext cx="304801" cy="358426"/>
            </a:xfrm>
            <a:prstGeom prst="downArrow">
              <a:avLst/>
            </a:prstGeom>
            <a:ln w="19050">
              <a:solidFill>
                <a:schemeClr val="accent6">
                  <a:lumMod val="60000"/>
                  <a:lumOff val="40000"/>
                </a:schemeClr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vert="vert270" rtlCol="0" anchor="ctr"/>
            <a:lstStyle/>
            <a:p>
              <a:pPr algn="ctr"/>
              <a:endParaRPr lang="en-GB" sz="1100">
                <a:latin typeface="Cambria" panose="02040503050406030204" pitchFamily="18" charset="0"/>
                <a:ea typeface="Cambria" panose="02040503050406030204" pitchFamily="18" charset="0"/>
              </a:endParaRPr>
            </a:p>
          </p:txBody>
        </p:sp>
      </p:grpSp>
      <p:sp>
        <p:nvSpPr>
          <p:cNvPr id="37" name="Arrow: Down 36">
            <a:extLst>
              <a:ext uri="{FF2B5EF4-FFF2-40B4-BE49-F238E27FC236}">
                <a16:creationId xmlns:a16="http://schemas.microsoft.com/office/drawing/2014/main" id="{28C68A9E-179A-41FA-4FCF-41682286FCF2}"/>
              </a:ext>
            </a:extLst>
          </p:cNvPr>
          <p:cNvSpPr/>
          <p:nvPr/>
        </p:nvSpPr>
        <p:spPr>
          <a:xfrm rot="5400000">
            <a:off x="8689035" y="3739379"/>
            <a:ext cx="801330" cy="972946"/>
          </a:xfrm>
          <a:prstGeom prst="downArrow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vert270" rtlCol="0" anchor="ctr"/>
          <a:lstStyle/>
          <a:p>
            <a:pPr algn="ctr"/>
            <a:r>
              <a:rPr lang="en-GB" sz="1100">
                <a:latin typeface="Cambria" panose="02040503050406030204" pitchFamily="18" charset="0"/>
                <a:ea typeface="Cambria" panose="02040503050406030204" pitchFamily="18" charset="0"/>
              </a:rPr>
              <a:t>Population</a:t>
            </a:r>
          </a:p>
        </p:txBody>
      </p:sp>
      <p:grpSp>
        <p:nvGrpSpPr>
          <p:cNvPr id="59" name="Group 58">
            <a:extLst>
              <a:ext uri="{FF2B5EF4-FFF2-40B4-BE49-F238E27FC236}">
                <a16:creationId xmlns:a16="http://schemas.microsoft.com/office/drawing/2014/main" id="{FCAF7FD1-15F2-68F7-AF59-8ACDFC35D522}"/>
              </a:ext>
            </a:extLst>
          </p:cNvPr>
          <p:cNvGrpSpPr/>
          <p:nvPr/>
        </p:nvGrpSpPr>
        <p:grpSpPr>
          <a:xfrm>
            <a:off x="2703866" y="4404853"/>
            <a:ext cx="5630141" cy="1447815"/>
            <a:chOff x="2703866" y="4404853"/>
            <a:chExt cx="5630141" cy="1447815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FAA7E10-36E6-F97D-0D13-B829962ECC1D}"/>
                </a:ext>
              </a:extLst>
            </p:cNvPr>
            <p:cNvCxnSpPr/>
            <p:nvPr/>
          </p:nvCxnSpPr>
          <p:spPr>
            <a:xfrm>
              <a:off x="2703866" y="4404853"/>
              <a:ext cx="0" cy="1080000"/>
            </a:xfrm>
            <a:prstGeom prst="line">
              <a:avLst/>
            </a:prstGeom>
            <a:ln w="28575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Arrow Connector 33">
              <a:extLst>
                <a:ext uri="{FF2B5EF4-FFF2-40B4-BE49-F238E27FC236}">
                  <a16:creationId xmlns:a16="http://schemas.microsoft.com/office/drawing/2014/main" id="{0C5A0F36-87DF-6128-0B91-1054CEF53665}"/>
                </a:ext>
              </a:extLst>
            </p:cNvPr>
            <p:cNvCxnSpPr/>
            <p:nvPr/>
          </p:nvCxnSpPr>
          <p:spPr>
            <a:xfrm flipH="1">
              <a:off x="2703866" y="5479937"/>
              <a:ext cx="5148000" cy="0"/>
            </a:xfrm>
            <a:prstGeom prst="straightConnector1">
              <a:avLst/>
            </a:prstGeom>
            <a:ln w="28575"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6" name="TextBox 35">
                  <a:extLst>
                    <a:ext uri="{FF2B5EF4-FFF2-40B4-BE49-F238E27FC236}">
                      <a16:creationId xmlns:a16="http://schemas.microsoft.com/office/drawing/2014/main" id="{452800BA-FC20-D415-E7C4-EF4544B3B2DF}"/>
                    </a:ext>
                  </a:extLst>
                </p:cNvPr>
                <p:cNvSpPr txBox="1"/>
                <p:nvPr/>
              </p:nvSpPr>
              <p:spPr>
                <a:xfrm>
                  <a:off x="6423228" y="5479937"/>
                  <a:ext cx="1910779" cy="372731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 xmlns:m="http://schemas.openxmlformats.org/officeDocument/2006/math">
                      <m:sSub>
                        <m:sSubPr>
                          <m:ctrlPr>
                            <a:rPr lang="en-GB" sz="10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1000" b="0" i="1" smtClean="0">
                              <a:latin typeface="Cambria Math" panose="02040503050406030204" pitchFamily="18" charset="0"/>
                            </a:rPr>
                            <m:t>𝐺𝐹𝐶𝐹</m:t>
                          </m:r>
                        </m:e>
                        <m:sub>
                          <m:r>
                            <a:rPr lang="en-GB" sz="1000" b="0" i="1" smtClean="0">
                              <a:latin typeface="Cambria Math" panose="02040503050406030204" pitchFamily="18" charset="0"/>
                            </a:rPr>
                            <m:t>𝑟𝑡</m:t>
                          </m:r>
                        </m:sub>
                      </m:sSub>
                      <m:r>
                        <a:rPr lang="en-GB" sz="1000" b="0" i="1" smtClean="0">
                          <a:latin typeface="Cambria Math" panose="02040503050406030204" pitchFamily="18" charset="0"/>
                        </a:rPr>
                        <m:t>=</m:t>
                      </m:r>
                    </m:oMath>
                  </a14:m>
                  <a:r>
                    <a:rPr lang="en-GB" sz="1000"/>
                    <a:t> </a:t>
                  </a:r>
                  <a14:m>
                    <m:oMath xmlns:m="http://schemas.openxmlformats.org/officeDocument/2006/math">
                      <m:sSub>
                        <m:sSubPr>
                          <m:ctrlPr>
                            <a:rPr lang="en-GB" sz="10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1000" b="0" i="1" smtClean="0">
                              <a:latin typeface="Cambria Math" panose="02040503050406030204" pitchFamily="18" charset="0"/>
                            </a:rPr>
                            <m:t>𝐺𝐹𝐶𝐹</m:t>
                          </m:r>
                        </m:e>
                        <m:sub>
                          <m:r>
                            <a:rPr lang="en-GB" sz="1000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  <m:r>
                            <a:rPr lang="en-GB" sz="1000" i="1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en-GB" sz="1000" b="0" i="1" smtClean="0">
                              <a:latin typeface="Cambria Math" panose="02040503050406030204" pitchFamily="18" charset="0"/>
                            </a:rPr>
                            <m:t>−1</m:t>
                          </m:r>
                        </m:sub>
                      </m:sSub>
                      <m:box>
                        <m:boxPr>
                          <m:ctrlPr>
                            <a:rPr lang="en-GB" sz="1000" i="1" smtClean="0">
                              <a:latin typeface="Cambria Math" panose="02040503050406030204" pitchFamily="18" charset="0"/>
                            </a:rPr>
                          </m:ctrlPr>
                        </m:boxPr>
                        <m:e>
                          <m:argPr>
                            <m:argSz m:val="-1"/>
                          </m:argPr>
                          <m:f>
                            <m:fPr>
                              <m:ctrlPr>
                                <a:rPr lang="en-GB" sz="100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GB" sz="10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GB" sz="1000" b="0" i="1" smtClean="0">
                                      <a:latin typeface="Cambria Math" panose="02040503050406030204" pitchFamily="18" charset="0"/>
                                    </a:rPr>
                                    <m:t>𝑉𝐴</m:t>
                                  </m:r>
                                </m:e>
                                <m:sub>
                                  <m:r>
                                    <a:rPr lang="en-GB" sz="1000" b="0" i="1" smtClean="0">
                                      <a:latin typeface="Cambria Math" panose="02040503050406030204" pitchFamily="18" charset="0"/>
                                    </a:rPr>
                                    <m:t>𝑟</m:t>
                                  </m:r>
                                  <m:r>
                                    <a:rPr lang="en-GB" sz="1000" i="1"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  <m:r>
                                    <a:rPr lang="en-GB" sz="1000" b="0" i="1" smtClean="0">
                                      <a:latin typeface="Cambria Math" panose="02040503050406030204" pitchFamily="18" charset="0"/>
                                    </a:rPr>
                                    <m:t>−1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GB" sz="10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GB" sz="1000" i="1">
                                      <a:latin typeface="Cambria Math" panose="02040503050406030204" pitchFamily="18" charset="0"/>
                                    </a:rPr>
                                    <m:t>𝑉𝐴</m:t>
                                  </m:r>
                                </m:e>
                                <m:sub>
                                  <m:r>
                                    <a:rPr lang="en-GB" sz="1000" b="0" i="1" smtClean="0">
                                      <a:latin typeface="Cambria Math" panose="02040503050406030204" pitchFamily="18" charset="0"/>
                                    </a:rPr>
                                    <m:t>𝑟</m:t>
                                  </m:r>
                                  <m:r>
                                    <a:rPr lang="en-GB" sz="1000" i="1"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  <m:r>
                                    <a:rPr lang="en-GB" sz="1000" b="0" i="1" smtClean="0">
                                      <a:latin typeface="Cambria Math" panose="02040503050406030204" pitchFamily="18" charset="0"/>
                                    </a:rPr>
                                    <m:t>−2</m:t>
                                  </m:r>
                                </m:sub>
                              </m:sSub>
                            </m:den>
                          </m:f>
                        </m:e>
                      </m:box>
                    </m:oMath>
                  </a14:m>
                  <a:endParaRPr lang="en-GB" sz="1000"/>
                </a:p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GB" sz="1000" i="1" smtClean="0">
                                <a:solidFill>
                                  <a:schemeClr val="bg1">
                                    <a:lumMod val="6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1000" b="0" i="1" smtClean="0">
                                <a:solidFill>
                                  <a:schemeClr val="bg1">
                                    <a:lumMod val="6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  <m:t>𝐺𝑂𝑉</m:t>
                            </m:r>
                          </m:e>
                          <m:sub>
                            <m:r>
                              <a:rPr lang="en-GB" sz="1000" b="0" i="1" smtClean="0">
                                <a:solidFill>
                                  <a:schemeClr val="bg1">
                                    <a:lumMod val="6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  <m:t>𝑟𝑡</m:t>
                            </m:r>
                          </m:sub>
                        </m:sSub>
                        <m:r>
                          <a:rPr lang="en-GB" sz="1000" b="0" i="1" smtClean="0">
                            <a:solidFill>
                              <a:schemeClr val="bg1">
                                <a:lumMod val="65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~</m:t>
                        </m:r>
                        <m:r>
                          <a:rPr lang="en-GB" sz="1000" b="0" i="1" smtClean="0">
                            <a:solidFill>
                              <a:schemeClr val="bg1">
                                <a:lumMod val="65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𝑓</m:t>
                        </m:r>
                        <m:d>
                          <m:dPr>
                            <m:ctrlPr>
                              <a:rPr lang="en-GB" sz="1000" b="0" i="1" smtClean="0">
                                <a:solidFill>
                                  <a:schemeClr val="bg1">
                                    <a:lumMod val="6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𝑃𝑂𝑃𝑈</m:t>
                                </m:r>
                              </m:e>
                              <m:sub>
                                <m: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𝑟𝑡</m:t>
                                </m:r>
                              </m:sub>
                            </m:sSub>
                            <m:r>
                              <a:rPr lang="en-GB" sz="1000" b="0" i="1" smtClean="0">
                                <a:solidFill>
                                  <a:schemeClr val="bg1">
                                    <a:lumMod val="6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  <m:t>,</m:t>
                            </m:r>
                            <m:sSub>
                              <m:sSubPr>
                                <m:ctrlP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𝐺𝑂𝑉</m:t>
                                </m:r>
                              </m:e>
                              <m:sub>
                                <m: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𝑟</m:t>
                                </m:r>
                                <m: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,</m:t>
                                </m:r>
                                <m: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𝑡</m:t>
                                </m:r>
                                <m: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en-GB" sz="1000" b="0" i="1" smtClean="0">
                                    <a:solidFill>
                                      <a:schemeClr val="bg1">
                                        <a:lumMod val="6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𝑙𝑎𝑔</m:t>
                                </m:r>
                              </m:sub>
                            </m:sSub>
                            <m:r>
                              <a:rPr lang="en-GB" sz="1000" b="0" i="1" smtClean="0">
                                <a:solidFill>
                                  <a:schemeClr val="bg1">
                                    <a:lumMod val="6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  <m:t>,…</m:t>
                            </m:r>
                          </m:e>
                        </m:d>
                      </m:oMath>
                    </m:oMathPara>
                  </a14:m>
                  <a:endParaRPr lang="en-GB" sz="1000"/>
                </a:p>
              </p:txBody>
            </p:sp>
          </mc:Choice>
          <mc:Fallback xmlns="">
            <p:sp>
              <p:nvSpPr>
                <p:cNvPr id="36" name="TextBox 35">
                  <a:extLst>
                    <a:ext uri="{FF2B5EF4-FFF2-40B4-BE49-F238E27FC236}">
                      <a16:creationId xmlns:a16="http://schemas.microsoft.com/office/drawing/2014/main" id="{452800BA-FC20-D415-E7C4-EF4544B3B2DF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423228" y="5479937"/>
                  <a:ext cx="1910779" cy="372731"/>
                </a:xfrm>
                <a:prstGeom prst="rect">
                  <a:avLst/>
                </a:prstGeom>
                <a:blipFill>
                  <a:blip r:embed="rId3"/>
                  <a:stretch>
                    <a:fillRect l="-2556" b="-9836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D1373247-D1D7-7256-0B67-D6D5E1DA6311}"/>
                </a:ext>
              </a:extLst>
            </p:cNvPr>
            <p:cNvCxnSpPr/>
            <p:nvPr/>
          </p:nvCxnSpPr>
          <p:spPr>
            <a:xfrm>
              <a:off x="7834598" y="4677482"/>
              <a:ext cx="0" cy="792000"/>
            </a:xfrm>
            <a:prstGeom prst="line">
              <a:avLst/>
            </a:prstGeom>
            <a:ln w="28575"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1" name="Group 60">
            <a:extLst>
              <a:ext uri="{FF2B5EF4-FFF2-40B4-BE49-F238E27FC236}">
                <a16:creationId xmlns:a16="http://schemas.microsoft.com/office/drawing/2014/main" id="{519CD1A1-3BEA-C212-E03C-0989446FFFFC}"/>
              </a:ext>
            </a:extLst>
          </p:cNvPr>
          <p:cNvGrpSpPr/>
          <p:nvPr/>
        </p:nvGrpSpPr>
        <p:grpSpPr>
          <a:xfrm>
            <a:off x="1851762" y="4413136"/>
            <a:ext cx="6600680" cy="1791022"/>
            <a:chOff x="1851762" y="4413136"/>
            <a:chExt cx="6600680" cy="1791022"/>
          </a:xfrm>
        </p:grpSpPr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F35C8908-EB15-387D-571A-30E464BA6755}"/>
                </a:ext>
              </a:extLst>
            </p:cNvPr>
            <p:cNvCxnSpPr/>
            <p:nvPr/>
          </p:nvCxnSpPr>
          <p:spPr>
            <a:xfrm>
              <a:off x="8449114" y="4688863"/>
              <a:ext cx="0" cy="1332000"/>
            </a:xfrm>
            <a:prstGeom prst="line">
              <a:avLst/>
            </a:prstGeom>
            <a:ln w="28575">
              <a:solidFill>
                <a:srgbClr val="FF9933"/>
              </a:solidFill>
              <a:prstDash val="sysDot"/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29C33A37-E64A-15C4-F157-E3D3B99E5664}"/>
                </a:ext>
              </a:extLst>
            </p:cNvPr>
            <p:cNvCxnSpPr/>
            <p:nvPr/>
          </p:nvCxnSpPr>
          <p:spPr>
            <a:xfrm>
              <a:off x="2246662" y="4413136"/>
              <a:ext cx="0" cy="1224000"/>
            </a:xfrm>
            <a:prstGeom prst="line">
              <a:avLst/>
            </a:prstGeom>
            <a:ln w="28575">
              <a:solidFill>
                <a:srgbClr val="FF9933"/>
              </a:solidFill>
              <a:prstDash val="sysDot"/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Straight Arrow Connector 38">
              <a:extLst>
                <a:ext uri="{FF2B5EF4-FFF2-40B4-BE49-F238E27FC236}">
                  <a16:creationId xmlns:a16="http://schemas.microsoft.com/office/drawing/2014/main" id="{47CD2080-A45E-0B96-8FF7-BB13EC1C2C8F}"/>
                </a:ext>
              </a:extLst>
            </p:cNvPr>
            <p:cNvCxnSpPr/>
            <p:nvPr/>
          </p:nvCxnSpPr>
          <p:spPr>
            <a:xfrm flipH="1">
              <a:off x="2728442" y="6028994"/>
              <a:ext cx="5724000" cy="0"/>
            </a:xfrm>
            <a:prstGeom prst="straightConnector1">
              <a:avLst/>
            </a:prstGeom>
            <a:ln w="28575">
              <a:solidFill>
                <a:srgbClr val="FF9933"/>
              </a:solidFill>
              <a:prstDash val="sysDot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47E28E3E-94C1-FEEE-EAB9-F16798D138E2}"/>
                </a:ext>
              </a:extLst>
            </p:cNvPr>
            <p:cNvSpPr/>
            <p:nvPr/>
          </p:nvSpPr>
          <p:spPr>
            <a:xfrm>
              <a:off x="1851762" y="5648900"/>
              <a:ext cx="861939" cy="555258"/>
            </a:xfrm>
            <a:prstGeom prst="rect">
              <a:avLst/>
            </a:prstGeom>
            <a:solidFill>
              <a:srgbClr val="FF9933"/>
            </a:solidFill>
          </p:spPr>
          <p:style>
            <a:lnRef idx="2">
              <a:schemeClr val="accent5">
                <a:shade val="15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400">
                  <a:latin typeface="Cambria" panose="02040503050406030204" pitchFamily="18" charset="0"/>
                  <a:ea typeface="Cambria" panose="02040503050406030204" pitchFamily="18" charset="0"/>
                </a:rPr>
                <a:t>Prices / Wages</a:t>
              </a: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21B5BC3B-6BB4-3FB1-363D-625D2B8EAFEC}"/>
                </a:ext>
              </a:extLst>
            </p:cNvPr>
            <p:cNvCxnSpPr/>
            <p:nvPr/>
          </p:nvCxnSpPr>
          <p:spPr>
            <a:xfrm>
              <a:off x="6359760" y="4696994"/>
              <a:ext cx="0" cy="1332000"/>
            </a:xfrm>
            <a:prstGeom prst="line">
              <a:avLst/>
            </a:prstGeom>
            <a:ln w="28575">
              <a:solidFill>
                <a:srgbClr val="FF9933"/>
              </a:solidFill>
              <a:prstDash val="sysDot"/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2E5E4492-8BA0-AB34-78D3-73160FB5142F}"/>
                </a:ext>
              </a:extLst>
            </p:cNvPr>
            <p:cNvCxnSpPr/>
            <p:nvPr/>
          </p:nvCxnSpPr>
          <p:spPr>
            <a:xfrm>
              <a:off x="4929167" y="4688863"/>
              <a:ext cx="0" cy="1332000"/>
            </a:xfrm>
            <a:prstGeom prst="line">
              <a:avLst/>
            </a:prstGeom>
            <a:ln w="28575">
              <a:solidFill>
                <a:srgbClr val="FF9933"/>
              </a:solidFill>
              <a:prstDash val="sysDot"/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2" name="Group 61">
            <a:extLst>
              <a:ext uri="{FF2B5EF4-FFF2-40B4-BE49-F238E27FC236}">
                <a16:creationId xmlns:a16="http://schemas.microsoft.com/office/drawing/2014/main" id="{AF5D71BA-7A9B-69C5-4914-F19DECDEF56F}"/>
              </a:ext>
            </a:extLst>
          </p:cNvPr>
          <p:cNvGrpSpPr/>
          <p:nvPr/>
        </p:nvGrpSpPr>
        <p:grpSpPr>
          <a:xfrm>
            <a:off x="2290102" y="1997743"/>
            <a:ext cx="5468906" cy="1184187"/>
            <a:chOff x="2290102" y="1997743"/>
            <a:chExt cx="5468906" cy="1184187"/>
          </a:xfrm>
        </p:grpSpPr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A454A648-5CCA-9C69-D893-1DAE318FD94A}"/>
                </a:ext>
              </a:extLst>
            </p:cNvPr>
            <p:cNvCxnSpPr/>
            <p:nvPr/>
          </p:nvCxnSpPr>
          <p:spPr>
            <a:xfrm flipH="1">
              <a:off x="4699008" y="2088233"/>
              <a:ext cx="3060000" cy="0"/>
            </a:xfrm>
            <a:prstGeom prst="straightConnector1">
              <a:avLst/>
            </a:prstGeom>
            <a:ln w="28575">
              <a:solidFill>
                <a:schemeClr val="accent6"/>
              </a:solidFill>
              <a:prstDash val="sysDot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9A0C1D2B-BCE1-F17C-B964-1AFCA252DB23}"/>
                </a:ext>
              </a:extLst>
            </p:cNvPr>
            <p:cNvCxnSpPr/>
            <p:nvPr/>
          </p:nvCxnSpPr>
          <p:spPr>
            <a:xfrm>
              <a:off x="2319598" y="2281930"/>
              <a:ext cx="0" cy="900000"/>
            </a:xfrm>
            <a:prstGeom prst="line">
              <a:avLst/>
            </a:prstGeom>
            <a:ln w="28575">
              <a:solidFill>
                <a:schemeClr val="accent6"/>
              </a:solidFill>
              <a:prstDash val="sysDot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577C5143-BE13-BA68-1B8B-0BC61E169BD3}"/>
                </a:ext>
              </a:extLst>
            </p:cNvPr>
            <p:cNvCxnSpPr/>
            <p:nvPr/>
          </p:nvCxnSpPr>
          <p:spPr>
            <a:xfrm>
              <a:off x="6149262" y="2088233"/>
              <a:ext cx="0" cy="468000"/>
            </a:xfrm>
            <a:prstGeom prst="line">
              <a:avLst/>
            </a:prstGeom>
            <a:ln w="28575">
              <a:solidFill>
                <a:schemeClr val="accent6"/>
              </a:solidFill>
              <a:prstDash val="sysDot"/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C8A0167A-2901-5844-210E-83B2D445678B}"/>
                </a:ext>
              </a:extLst>
            </p:cNvPr>
            <p:cNvCxnSpPr/>
            <p:nvPr/>
          </p:nvCxnSpPr>
          <p:spPr>
            <a:xfrm>
              <a:off x="7751456" y="2070960"/>
              <a:ext cx="0" cy="468000"/>
            </a:xfrm>
            <a:prstGeom prst="line">
              <a:avLst/>
            </a:prstGeom>
            <a:ln w="28575">
              <a:solidFill>
                <a:schemeClr val="accent6"/>
              </a:solidFill>
              <a:prstDash val="sysDot"/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11EDB38F-25DE-297E-59BB-A6F70DEA4774}"/>
                </a:ext>
              </a:extLst>
            </p:cNvPr>
            <p:cNvSpPr/>
            <p:nvPr/>
          </p:nvSpPr>
          <p:spPr>
            <a:xfrm>
              <a:off x="3444584" y="1997743"/>
              <a:ext cx="1260149" cy="555258"/>
            </a:xfrm>
            <a:prstGeom prst="rect">
              <a:avLst/>
            </a:prstGeom>
            <a:solidFill>
              <a:srgbClr val="AC75D5"/>
            </a:solidFill>
          </p:spPr>
          <p:style>
            <a:lnRef idx="2">
              <a:schemeClr val="accent6">
                <a:shade val="15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400">
                  <a:latin typeface="Cambria" panose="02040503050406030204" pitchFamily="18" charset="0"/>
                  <a:ea typeface="Cambria" panose="02040503050406030204" pitchFamily="18" charset="0"/>
                </a:rPr>
                <a:t>Gravity trade model (t-1)</a:t>
              </a:r>
            </a:p>
          </p:txBody>
        </p:sp>
        <p:cxnSp>
          <p:nvCxnSpPr>
            <p:cNvPr id="49" name="Straight Arrow Connector 48">
              <a:extLst>
                <a:ext uri="{FF2B5EF4-FFF2-40B4-BE49-F238E27FC236}">
                  <a16:creationId xmlns:a16="http://schemas.microsoft.com/office/drawing/2014/main" id="{81D06665-2315-B964-9A58-48549D82B470}"/>
                </a:ext>
              </a:extLst>
            </p:cNvPr>
            <p:cNvCxnSpPr/>
            <p:nvPr/>
          </p:nvCxnSpPr>
          <p:spPr>
            <a:xfrm flipH="1">
              <a:off x="2290102" y="2279962"/>
              <a:ext cx="1152000" cy="0"/>
            </a:xfrm>
            <a:prstGeom prst="straightConnector1">
              <a:avLst/>
            </a:prstGeom>
            <a:ln w="28575">
              <a:solidFill>
                <a:schemeClr val="accent6"/>
              </a:solidFill>
              <a:prstDash val="sysDot"/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AE1E9667-53E3-F42D-4CF9-C91B53185708}"/>
              </a:ext>
            </a:extLst>
          </p:cNvPr>
          <p:cNvCxnSpPr/>
          <p:nvPr/>
        </p:nvCxnSpPr>
        <p:spPr>
          <a:xfrm>
            <a:off x="10550001" y="2037516"/>
            <a:ext cx="0" cy="322231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Box 22">
            <a:extLst>
              <a:ext uri="{FF2B5EF4-FFF2-40B4-BE49-F238E27FC236}">
                <a16:creationId xmlns:a16="http://schemas.microsoft.com/office/drawing/2014/main" id="{6D917E90-B647-0DEB-58AE-237C6C23164B}"/>
              </a:ext>
            </a:extLst>
          </p:cNvPr>
          <p:cNvSpPr txBox="1"/>
          <p:nvPr/>
        </p:nvSpPr>
        <p:spPr>
          <a:xfrm>
            <a:off x="10579510" y="2070960"/>
            <a:ext cx="1346576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>
                <a:latin typeface="Cambria" panose="02040503050406030204" pitchFamily="18" charset="0"/>
                <a:ea typeface="Cambria" panose="02040503050406030204" pitchFamily="18" charset="0"/>
              </a:rPr>
              <a:t>modelled</a:t>
            </a:r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DD5517FA-D92A-F580-64E4-D39659F501FF}"/>
              </a:ext>
            </a:extLst>
          </p:cNvPr>
          <p:cNvCxnSpPr/>
          <p:nvPr/>
        </p:nvCxnSpPr>
        <p:spPr>
          <a:xfrm>
            <a:off x="10550007" y="2475169"/>
            <a:ext cx="0" cy="324000"/>
          </a:xfrm>
          <a:prstGeom prst="line">
            <a:avLst/>
          </a:prstGeom>
          <a:ln w="28575">
            <a:prstDash val="sysDot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xtBox 49">
            <a:extLst>
              <a:ext uri="{FF2B5EF4-FFF2-40B4-BE49-F238E27FC236}">
                <a16:creationId xmlns:a16="http://schemas.microsoft.com/office/drawing/2014/main" id="{F78DBAF1-214E-35DA-E49D-63BCC2C707E3}"/>
              </a:ext>
            </a:extLst>
          </p:cNvPr>
          <p:cNvSpPr txBox="1"/>
          <p:nvPr/>
        </p:nvSpPr>
        <p:spPr>
          <a:xfrm>
            <a:off x="10595288" y="2496327"/>
            <a:ext cx="1346576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>
                <a:latin typeface="Cambria" panose="02040503050406030204" pitchFamily="18" charset="0"/>
                <a:ea typeface="Cambria" panose="02040503050406030204" pitchFamily="18" charset="0"/>
              </a:rPr>
              <a:t>planned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2516E87-803E-259F-B998-244A6B694D1E}"/>
              </a:ext>
            </a:extLst>
          </p:cNvPr>
          <p:cNvSpPr txBox="1"/>
          <p:nvPr/>
        </p:nvSpPr>
        <p:spPr>
          <a:xfrm>
            <a:off x="10628897" y="3039459"/>
            <a:ext cx="1346576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>
                <a:latin typeface="Cambria" panose="02040503050406030204" pitchFamily="18" charset="0"/>
                <a:ea typeface="Cambria" panose="02040503050406030204" pitchFamily="18" charset="0"/>
              </a:rPr>
              <a:t>Exogenous change options</a:t>
            </a:r>
          </a:p>
        </p:txBody>
      </p:sp>
      <p:sp>
        <p:nvSpPr>
          <p:cNvPr id="52" name="Arrow: Down 51">
            <a:extLst>
              <a:ext uri="{FF2B5EF4-FFF2-40B4-BE49-F238E27FC236}">
                <a16:creationId xmlns:a16="http://schemas.microsoft.com/office/drawing/2014/main" id="{04FC6633-F99D-0D74-E3A9-FBEFE0BB44CC}"/>
              </a:ext>
            </a:extLst>
          </p:cNvPr>
          <p:cNvSpPr/>
          <p:nvPr/>
        </p:nvSpPr>
        <p:spPr>
          <a:xfrm>
            <a:off x="10442014" y="3039459"/>
            <a:ext cx="216000" cy="252000"/>
          </a:xfrm>
          <a:prstGeom prst="downArrow">
            <a:avLst/>
          </a:prstGeom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vert270" rtlCol="0" anchor="ctr"/>
          <a:lstStyle/>
          <a:p>
            <a:pPr algn="ctr"/>
            <a:endParaRPr lang="en-GB" sz="110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sp>
        <p:nvSpPr>
          <p:cNvPr id="53" name="Arrow: Down 52">
            <a:extLst>
              <a:ext uri="{FF2B5EF4-FFF2-40B4-BE49-F238E27FC236}">
                <a16:creationId xmlns:a16="http://schemas.microsoft.com/office/drawing/2014/main" id="{E4DB3A78-CF76-240C-BB07-3ACCDD5712EE}"/>
              </a:ext>
            </a:extLst>
          </p:cNvPr>
          <p:cNvSpPr/>
          <p:nvPr/>
        </p:nvSpPr>
        <p:spPr>
          <a:xfrm rot="10800000">
            <a:off x="10442154" y="3339633"/>
            <a:ext cx="216000" cy="252000"/>
          </a:xfrm>
          <a:prstGeom prst="downArrow">
            <a:avLst/>
          </a:prstGeom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vert270" rtlCol="0" anchor="ctr"/>
          <a:lstStyle/>
          <a:p>
            <a:pPr algn="ctr"/>
            <a:endParaRPr lang="en-GB" sz="110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50CFDFB1-29CA-C1D8-E2A2-FF21459F3BB6}"/>
              </a:ext>
            </a:extLst>
          </p:cNvPr>
          <p:cNvSpPr/>
          <p:nvPr/>
        </p:nvSpPr>
        <p:spPr>
          <a:xfrm>
            <a:off x="1622321" y="4419417"/>
            <a:ext cx="2182762" cy="319883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>
                <a:latin typeface="Cambria" panose="02040503050406030204" pitchFamily="18" charset="0"/>
                <a:ea typeface="Cambria" panose="02040503050406030204" pitchFamily="18" charset="0"/>
              </a:rPr>
              <a:t>Value added</a:t>
            </a:r>
            <a:endParaRPr lang="en-GB" sz="1600" b="1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grpSp>
        <p:nvGrpSpPr>
          <p:cNvPr id="63" name="Group 62">
            <a:extLst>
              <a:ext uri="{FF2B5EF4-FFF2-40B4-BE49-F238E27FC236}">
                <a16:creationId xmlns:a16="http://schemas.microsoft.com/office/drawing/2014/main" id="{EA32161D-CE11-2EA4-99FA-6E30C637B314}"/>
              </a:ext>
            </a:extLst>
          </p:cNvPr>
          <p:cNvGrpSpPr/>
          <p:nvPr/>
        </p:nvGrpSpPr>
        <p:grpSpPr>
          <a:xfrm>
            <a:off x="3237285" y="4677482"/>
            <a:ext cx="4421254" cy="699783"/>
            <a:chOff x="3237285" y="4677482"/>
            <a:chExt cx="4421254" cy="699783"/>
          </a:xfrm>
        </p:grpSpPr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3E3A3A7F-810C-1C5B-8C60-818169629BE2}"/>
                </a:ext>
              </a:extLst>
            </p:cNvPr>
            <p:cNvSpPr/>
            <p:nvPr/>
          </p:nvSpPr>
          <p:spPr>
            <a:xfrm>
              <a:off x="3781114" y="4913716"/>
              <a:ext cx="750916" cy="463549"/>
            </a:xfrm>
            <a:prstGeom prst="rect">
              <a:avLst/>
            </a:prstGeom>
            <a:solidFill>
              <a:schemeClr val="tx2">
                <a:lumMod val="75000"/>
                <a:lumOff val="25000"/>
              </a:schemeClr>
            </a:solidFill>
          </p:spPr>
          <p:style>
            <a:lnRef idx="2">
              <a:schemeClr val="accent2">
                <a:shade val="15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200">
                  <a:latin typeface="Cambria" panose="02040503050406030204" pitchFamily="18" charset="0"/>
                  <a:ea typeface="Cambria" panose="02040503050406030204" pitchFamily="18" charset="0"/>
                </a:rPr>
                <a:t>FIGARO-NAM</a:t>
              </a:r>
            </a:p>
          </p:txBody>
        </p: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D3EC3D1C-06FE-40A7-6ADA-FFE54EBF4874}"/>
                </a:ext>
              </a:extLst>
            </p:cNvPr>
            <p:cNvCxnSpPr/>
            <p:nvPr/>
          </p:nvCxnSpPr>
          <p:spPr>
            <a:xfrm>
              <a:off x="7658539" y="4677482"/>
              <a:ext cx="0" cy="468000"/>
            </a:xfrm>
            <a:prstGeom prst="line">
              <a:avLst/>
            </a:prstGeom>
            <a:ln w="28575">
              <a:solidFill>
                <a:schemeClr val="tx2">
                  <a:lumMod val="75000"/>
                  <a:lumOff val="25000"/>
                </a:schemeClr>
              </a:solidFill>
              <a:prstDash val="sysDot"/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Straight Arrow Connector 55">
              <a:extLst>
                <a:ext uri="{FF2B5EF4-FFF2-40B4-BE49-F238E27FC236}">
                  <a16:creationId xmlns:a16="http://schemas.microsoft.com/office/drawing/2014/main" id="{C0F09FDA-CCA0-6AB6-7650-2066B5AFFAAA}"/>
                </a:ext>
              </a:extLst>
            </p:cNvPr>
            <p:cNvCxnSpPr/>
            <p:nvPr/>
          </p:nvCxnSpPr>
          <p:spPr>
            <a:xfrm flipH="1">
              <a:off x="4522505" y="5145490"/>
              <a:ext cx="3132000" cy="0"/>
            </a:xfrm>
            <a:prstGeom prst="straightConnector1">
              <a:avLst/>
            </a:prstGeom>
            <a:ln w="28575">
              <a:solidFill>
                <a:schemeClr val="tx2">
                  <a:lumMod val="75000"/>
                  <a:lumOff val="25000"/>
                </a:schemeClr>
              </a:solidFill>
              <a:prstDash val="sysDot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Straight Arrow Connector 56">
              <a:extLst>
                <a:ext uri="{FF2B5EF4-FFF2-40B4-BE49-F238E27FC236}">
                  <a16:creationId xmlns:a16="http://schemas.microsoft.com/office/drawing/2014/main" id="{4B73873D-9EBC-3C05-BF65-C6B6D2AC3B92}"/>
                </a:ext>
              </a:extLst>
            </p:cNvPr>
            <p:cNvCxnSpPr/>
            <p:nvPr/>
          </p:nvCxnSpPr>
          <p:spPr>
            <a:xfrm flipH="1">
              <a:off x="3237285" y="5147472"/>
              <a:ext cx="540000" cy="0"/>
            </a:xfrm>
            <a:prstGeom prst="straightConnector1">
              <a:avLst/>
            </a:prstGeom>
            <a:ln w="28575">
              <a:solidFill>
                <a:schemeClr val="tx2">
                  <a:lumMod val="75000"/>
                  <a:lumOff val="25000"/>
                </a:schemeClr>
              </a:solidFill>
              <a:prstDash val="sysDot"/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900239A3-B6A5-4E00-B65B-00DB95D4484D}"/>
                </a:ext>
              </a:extLst>
            </p:cNvPr>
            <p:cNvCxnSpPr/>
            <p:nvPr/>
          </p:nvCxnSpPr>
          <p:spPr>
            <a:xfrm>
              <a:off x="3237285" y="4744506"/>
              <a:ext cx="0" cy="396000"/>
            </a:xfrm>
            <a:prstGeom prst="line">
              <a:avLst/>
            </a:prstGeom>
            <a:ln w="28575">
              <a:solidFill>
                <a:schemeClr val="tx2">
                  <a:lumMod val="75000"/>
                  <a:lumOff val="25000"/>
                </a:schemeClr>
              </a:solidFill>
              <a:prstDash val="sysDot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5986371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7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E3071E2-5FBC-E2CD-4DDD-7CFCC3AE383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E3B8E2-4B2F-3747-D4E4-58220E34AD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/>
              <a:t>Empirical model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9CE0A008-E655-D58C-C5C3-A4152BDA5B0F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>
                <a:normAutofit/>
              </a:bodyPr>
              <a:lstStyle/>
              <a:p>
                <a:pPr marL="0" indent="0">
                  <a:buNone/>
                </a:pPr>
                <a:r>
                  <a:rPr lang="en-GB" b="1"/>
                  <a:t>Exogenous and endogenous variables </a:t>
                </a:r>
              </a:p>
              <a:p>
                <a:r>
                  <a:rPr lang="en-GB"/>
                  <a:t>Exogenous driver: Population</a:t>
                </a:r>
                <a:r>
                  <a:rPr lang="en-GB">
                    <a:solidFill>
                      <a:srgbClr val="0070C0"/>
                    </a:solidFill>
                  </a:rPr>
                  <a:t>, raw material prices, …</a:t>
                </a:r>
              </a:p>
              <a:p>
                <a:r>
                  <a:rPr lang="en-GB"/>
                  <a:t>Endogenous to the year, e.g. </a:t>
                </a:r>
              </a:p>
              <a:p>
                <a:pPr lvl="1"/>
                <a:r>
                  <a:rPr lang="en-GB"/>
                  <a:t>Value added, employment, GHG emissions</a:t>
                </a:r>
              </a:p>
              <a:p>
                <a:pPr lvl="1"/>
                <a:r>
                  <a:rPr lang="en-GB"/>
                  <a:t>Household expenditures</a:t>
                </a:r>
              </a:p>
              <a:p>
                <a:r>
                  <a:rPr lang="en-GB"/>
                  <a:t>Endogenous to the model, e.g.</a:t>
                </a:r>
              </a:p>
              <a:p>
                <a:pPr lvl="1"/>
                <a:r>
                  <a:rPr lang="en-GB"/>
                  <a:t>Investments</a:t>
                </a:r>
                <a:br>
                  <a:rPr lang="en-GB"/>
                </a:b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</a:rPr>
                          <m:t>𝐺𝐹𝐶𝐹</m:t>
                        </m:r>
                      </m:e>
                      <m:sub>
                        <m:r>
                          <a:rPr lang="en-GB" i="1">
                            <a:latin typeface="Cambria Math" panose="02040503050406030204" pitchFamily="18" charset="0"/>
                          </a:rPr>
                          <m:t>𝑟𝑡</m:t>
                        </m:r>
                      </m:sub>
                    </m:sSub>
                    <m:r>
                      <a:rPr lang="en-GB" i="1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/>
                  <a:t>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</a:rPr>
                          <m:t>𝐺𝐹𝐶𝐹</m:t>
                        </m:r>
                      </m:e>
                      <m:sub>
                        <m:r>
                          <a:rPr lang="en-GB" i="1">
                            <a:latin typeface="Cambria Math" panose="02040503050406030204" pitchFamily="18" charset="0"/>
                          </a:rPr>
                          <m:t>𝑟𝑡</m:t>
                        </m:r>
                        <m:r>
                          <a:rPr lang="en-GB" i="1">
                            <a:latin typeface="Cambria Math" panose="02040503050406030204" pitchFamily="18" charset="0"/>
                          </a:rPr>
                          <m:t>−1</m:t>
                        </m:r>
                      </m:sub>
                    </m:sSub>
                    <m:box>
                      <m:box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boxPr>
                      <m:e>
                        <m:argPr>
                          <m:argSz m:val="-1"/>
                        </m:argPr>
                        <m:f>
                          <m:fPr>
                            <m:ctrlPr>
                              <a:rPr lang="en-GB" i="1"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sSub>
                              <m:sSubPr>
                                <m:ctrlPr>
                                  <a:rPr lang="en-GB" i="1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GB" i="1">
                                    <a:latin typeface="Cambria Math" panose="02040503050406030204" pitchFamily="18" charset="0"/>
                                  </a:rPr>
                                  <m:t>𝑉𝐴</m:t>
                                </m:r>
                              </m:e>
                              <m:sub>
                                <m:r>
                                  <a:rPr lang="en-GB" i="1">
                                    <a:latin typeface="Cambria Math" panose="02040503050406030204" pitchFamily="18" charset="0"/>
                                  </a:rPr>
                                  <m:t>𝑟𝑡</m:t>
                                </m:r>
                                <m:r>
                                  <a:rPr lang="en-GB" i="1">
                                    <a:latin typeface="Cambria Math" panose="02040503050406030204" pitchFamily="18" charset="0"/>
                                  </a:rPr>
                                  <m:t>−1</m:t>
                                </m:r>
                              </m:sub>
                            </m:sSub>
                          </m:num>
                          <m:den>
                            <m:sSub>
                              <m:sSubPr>
                                <m:ctrlPr>
                                  <a:rPr lang="en-GB" i="1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GB" i="1">
                                    <a:latin typeface="Cambria Math" panose="02040503050406030204" pitchFamily="18" charset="0"/>
                                  </a:rPr>
                                  <m:t>𝑉𝐴</m:t>
                                </m:r>
                              </m:e>
                              <m:sub>
                                <m:r>
                                  <a:rPr lang="en-GB" i="1">
                                    <a:latin typeface="Cambria Math" panose="02040503050406030204" pitchFamily="18" charset="0"/>
                                  </a:rPr>
                                  <m:t>𝑟𝑡</m:t>
                                </m:r>
                                <m:r>
                                  <a:rPr lang="en-GB" i="1">
                                    <a:latin typeface="Cambria Math" panose="02040503050406030204" pitchFamily="18" charset="0"/>
                                  </a:rPr>
                                  <m:t>−2</m:t>
                                </m:r>
                              </m:sub>
                            </m:sSub>
                          </m:den>
                        </m:f>
                      </m:e>
                    </m:box>
                    <m:r>
                      <a:rPr lang="en-GB" i="1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endParaRPr lang="en-GB"/>
              </a:p>
              <a:p>
                <a:pPr lvl="1"/>
                <a:r>
                  <a:rPr lang="en-GB"/>
                  <a:t>Government expenditures</a:t>
                </a:r>
              </a:p>
              <a:p>
                <a:endParaRPr lang="en-GB">
                  <a:highlight>
                    <a:srgbClr val="FFFF00"/>
                  </a:highlight>
                </a:endParaRPr>
              </a:p>
            </p:txBody>
          </p:sp>
        </mc:Choice>
        <mc:Fallback xmlns="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9CE0A008-E655-D58C-C5C3-A4152BDA5B0F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3550" t="-343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" name="Content Placeholder 3">
                <a:extLst>
                  <a:ext uri="{FF2B5EF4-FFF2-40B4-BE49-F238E27FC236}">
                    <a16:creationId xmlns:a16="http://schemas.microsoft.com/office/drawing/2014/main" id="{642F80A4-97F1-CB29-F6CF-6348A2568BC1}"/>
                  </a:ext>
                </a:extLst>
              </p:cNvPr>
              <p:cNvSpPr>
                <a:spLocks noGrp="1"/>
              </p:cNvSpPr>
              <p:nvPr>
                <p:ph idx="14"/>
              </p:nvPr>
            </p:nvSpPr>
            <p:spPr/>
            <p:txBody>
              <a:bodyPr>
                <a:normAutofit/>
              </a:bodyPr>
              <a:lstStyle/>
              <a:p>
                <a:pPr marL="0" indent="0">
                  <a:buNone/>
                </a:pPr>
                <a:r>
                  <a:rPr lang="en-GB" b="1"/>
                  <a:t>Accounting identities &amp; econometric equations</a:t>
                </a:r>
              </a:p>
              <a:p>
                <a:r>
                  <a:rPr lang="en-GB"/>
                  <a:t>Accounting identities</a:t>
                </a:r>
              </a:p>
              <a:p>
                <a:pPr lvl="1"/>
                <a14:m>
                  <m:oMath xmlns:m="http://schemas.openxmlformats.org/officeDocument/2006/math">
                    <m:r>
                      <a:rPr lang="en-GB" b="1">
                        <a:latin typeface="Cambria Math" panose="02040503050406030204" pitchFamily="18" charset="0"/>
                        <a:ea typeface="Cambria" panose="02040503050406030204" pitchFamily="18" charset="0"/>
                      </a:rPr>
                      <m:t>𝐱</m:t>
                    </m:r>
                    <m:r>
                      <a:rPr lang="en-GB" b="1">
                        <a:latin typeface="Cambria Math" panose="02040503050406030204" pitchFamily="18" charset="0"/>
                        <a:ea typeface="Cambria" panose="02040503050406030204" pitchFamily="18" charset="0"/>
                      </a:rPr>
                      <m:t>=</m:t>
                    </m:r>
                    <m:r>
                      <a:rPr lang="en-GB" b="1">
                        <a:latin typeface="Cambria Math" panose="02040503050406030204" pitchFamily="18" charset="0"/>
                        <a:ea typeface="Cambria" panose="02040503050406030204" pitchFamily="18" charset="0"/>
                      </a:rPr>
                      <m:t>𝐃</m:t>
                    </m:r>
                    <m:sSup>
                      <m:sSupPr>
                        <m:ctrlPr>
                          <a:rPr lang="en-GB" b="1" i="1">
                            <a:latin typeface="Cambria Math" panose="02040503050406030204" pitchFamily="18" charset="0"/>
                            <a:ea typeface="Cambria" panose="02040503050406030204" pitchFamily="18" charset="0"/>
                          </a:rPr>
                        </m:ctrlPr>
                      </m:sSupPr>
                      <m:e>
                        <m:d>
                          <m:dPr>
                            <m:ctrlPr>
                              <a:rPr lang="en-GB" b="1" i="1">
                                <a:latin typeface="Cambria Math" panose="02040503050406030204" pitchFamily="18" charset="0"/>
                                <a:ea typeface="Cambria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GB" b="1">
                                <a:latin typeface="Cambria Math" panose="02040503050406030204" pitchFamily="18" charset="0"/>
                                <a:ea typeface="Cambria" panose="02040503050406030204" pitchFamily="18" charset="0"/>
                              </a:rPr>
                              <m:t>𝐈</m:t>
                            </m:r>
                            <m:r>
                              <a:rPr lang="en-GB" b="1">
                                <a:latin typeface="Cambria Math" panose="02040503050406030204" pitchFamily="18" charset="0"/>
                                <a:ea typeface="Cambria" panose="02040503050406030204" pitchFamily="18" charset="0"/>
                              </a:rPr>
                              <m:t>−</m:t>
                            </m:r>
                            <m:r>
                              <a:rPr lang="en-GB" b="1">
                                <a:latin typeface="Cambria Math" panose="02040503050406030204" pitchFamily="18" charset="0"/>
                                <a:ea typeface="Cambria" panose="02040503050406030204" pitchFamily="18" charset="0"/>
                              </a:rPr>
                              <m:t>𝐁𝐃</m:t>
                            </m:r>
                          </m:e>
                        </m:d>
                      </m:e>
                      <m:sup>
                        <m:r>
                          <a:rPr lang="en-GB" b="1" i="1">
                            <a:latin typeface="Cambria Math" panose="02040503050406030204" pitchFamily="18" charset="0"/>
                            <a:ea typeface="Cambria" panose="02040503050406030204" pitchFamily="18" charset="0"/>
                          </a:rPr>
                          <m:t>−</m:t>
                        </m:r>
                        <m:r>
                          <a:rPr lang="en-GB" b="1" i="1">
                            <a:latin typeface="Cambria Math" panose="02040503050406030204" pitchFamily="18" charset="0"/>
                            <a:ea typeface="Cambria" panose="02040503050406030204" pitchFamily="18" charset="0"/>
                          </a:rPr>
                          <m:t>𝟏</m:t>
                        </m:r>
                      </m:sup>
                    </m:sSup>
                    <m:r>
                      <a:rPr lang="en-GB" b="1">
                        <a:latin typeface="Cambria Math" panose="02040503050406030204" pitchFamily="18" charset="0"/>
                        <a:ea typeface="Cambria" panose="02040503050406030204" pitchFamily="18" charset="0"/>
                      </a:rPr>
                      <m:t>𝐲</m:t>
                    </m:r>
                  </m:oMath>
                </a14:m>
                <a:endParaRPr lang="en-GB" b="1">
                  <a:latin typeface="Cambria" panose="02040503050406030204" pitchFamily="18" charset="0"/>
                  <a:ea typeface="Cambria" panose="02040503050406030204" pitchFamily="18" charset="0"/>
                </a:endParaRPr>
              </a:p>
              <a:p>
                <a:pPr lvl="1"/>
                <a14:m>
                  <m:oMath xmlns:m="http://schemas.openxmlformats.org/officeDocument/2006/math">
                    <m:r>
                      <a:rPr lang="en-GB" b="1">
                        <a:latin typeface="Cambria Math" panose="02040503050406030204" pitchFamily="18" charset="0"/>
                        <a:ea typeface="Cambria" panose="02040503050406030204" pitchFamily="18" charset="0"/>
                      </a:rPr>
                      <m:t>𝐞𝐦𝐩𝐥</m:t>
                    </m:r>
                    <m:r>
                      <a:rPr lang="en-GB" b="1">
                        <a:latin typeface="Cambria Math" panose="02040503050406030204" pitchFamily="18" charset="0"/>
                        <a:ea typeface="Cambria" panose="02040503050406030204" pitchFamily="18" charset="0"/>
                      </a:rPr>
                      <m:t>=</m:t>
                    </m:r>
                    <m:r>
                      <a:rPr lang="en-GB" b="1">
                        <a:latin typeface="Cambria Math" panose="02040503050406030204" pitchFamily="18" charset="0"/>
                        <a:ea typeface="Cambria" panose="02040503050406030204" pitchFamily="18" charset="0"/>
                      </a:rPr>
                      <m:t>𝐞𝐦𝐩𝐥𝐢𝐧𝐭</m:t>
                    </m:r>
                    <m:r>
                      <a:rPr lang="en-GB" b="1">
                        <a:latin typeface="Cambria Math" panose="02040503050406030204" pitchFamily="18" charset="0"/>
                        <a:ea typeface="Cambria" panose="02040503050406030204" pitchFamily="18" charset="0"/>
                      </a:rPr>
                      <m:t> </m:t>
                    </m:r>
                    <m:r>
                      <a:rPr lang="en-GB" b="1" i="0">
                        <a:latin typeface="Cambria Math" panose="02040503050406030204" pitchFamily="18" charset="0"/>
                        <a:ea typeface="Cambria" panose="02040503050406030204" pitchFamily="18" charset="0"/>
                      </a:rPr>
                      <m:t>𝐱</m:t>
                    </m:r>
                  </m:oMath>
                </a14:m>
                <a:endParaRPr lang="en-GB" b="1"/>
              </a:p>
              <a:p>
                <a:r>
                  <a:rPr lang="en-GB"/>
                  <a:t>Econometric estimations</a:t>
                </a:r>
              </a:p>
              <a:p>
                <a:pPr lvl="1"/>
                <a14:m>
                  <m:oMath xmlns:m="http://schemas.openxmlformats.org/officeDocument/2006/math">
                    <m:sSub>
                      <m:sSubPr>
                        <m:ctrlPr>
                          <a:rPr lang="en-GB" sz="14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1400" i="1">
                            <a:latin typeface="Cambria Math" panose="02040503050406030204" pitchFamily="18" charset="0"/>
                          </a:rPr>
                          <m:t>𝐺𝑂𝑉</m:t>
                        </m:r>
                      </m:e>
                      <m:sub>
                        <m:r>
                          <a:rPr lang="en-GB" sz="1400" i="1">
                            <a:latin typeface="Cambria Math" panose="02040503050406030204" pitchFamily="18" charset="0"/>
                          </a:rPr>
                          <m:t>𝑟𝑡</m:t>
                        </m:r>
                      </m:sub>
                    </m:sSub>
                    <m:r>
                      <a:rPr lang="en-GB" sz="1400" i="1">
                        <a:latin typeface="Cambria Math" panose="02040503050406030204" pitchFamily="18" charset="0"/>
                      </a:rPr>
                      <m:t>~</m:t>
                    </m:r>
                    <m:r>
                      <a:rPr lang="en-GB" sz="1400" i="1">
                        <a:latin typeface="Cambria Math" panose="02040503050406030204" pitchFamily="18" charset="0"/>
                      </a:rPr>
                      <m:t>𝑓</m:t>
                    </m:r>
                    <m:d>
                      <m:dPr>
                        <m:ctrlPr>
                          <a:rPr lang="en-GB" sz="1400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GB" sz="14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𝑃𝑂𝑃𝑈</m:t>
                            </m:r>
                          </m:e>
                          <m:sub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𝑟𝑡</m:t>
                            </m:r>
                          </m:sub>
                        </m:sSub>
                        <m:r>
                          <a:rPr lang="en-GB" sz="1400" i="1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GB" sz="14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𝐺𝑂𝑉</m:t>
                            </m:r>
                          </m:e>
                          <m:sub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𝑟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,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𝑡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−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𝑙𝑎𝑔</m:t>
                            </m:r>
                          </m:sub>
                        </m:sSub>
                        <m:r>
                          <a:rPr lang="en-GB" sz="1400" i="1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GB" sz="14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𝑉𝐴</m:t>
                            </m:r>
                          </m:e>
                          <m:sub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𝑟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,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𝑡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−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𝑙𝑎𝑔</m:t>
                            </m:r>
                          </m:sub>
                        </m:sSub>
                        <m:r>
                          <a:rPr lang="en-GB" sz="1400" i="1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GB" sz="14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𝑇𝐴𝑋</m:t>
                            </m:r>
                          </m:e>
                          <m:sub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𝑟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,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𝑡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−</m:t>
                            </m:r>
                            <m:r>
                              <a:rPr lang="en-GB" sz="1400" i="1">
                                <a:latin typeface="Cambria Math" panose="02040503050406030204" pitchFamily="18" charset="0"/>
                              </a:rPr>
                              <m:t>𝑙𝑎𝑔</m:t>
                            </m:r>
                          </m:sub>
                        </m:sSub>
                        <m:r>
                          <a:rPr lang="en-GB" sz="1400" i="1">
                            <a:latin typeface="Cambria Math" panose="02040503050406030204" pitchFamily="18" charset="0"/>
                          </a:rPr>
                          <m:t>,…</m:t>
                        </m:r>
                      </m:e>
                    </m:d>
                  </m:oMath>
                </a14:m>
                <a:endParaRPr lang="en-GB"/>
              </a:p>
            </p:txBody>
          </p:sp>
        </mc:Choice>
        <mc:Fallback xmlns="">
          <p:sp>
            <p:nvSpPr>
              <p:cNvPr id="4" name="Content Placeholder 3">
                <a:extLst>
                  <a:ext uri="{FF2B5EF4-FFF2-40B4-BE49-F238E27FC236}">
                    <a16:creationId xmlns:a16="http://schemas.microsoft.com/office/drawing/2014/main" id="{642F80A4-97F1-CB29-F6CF-6348A2568BC1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4"/>
              </p:nvPr>
            </p:nvSpPr>
            <p:spPr>
              <a:blipFill>
                <a:blip r:embed="rId3"/>
                <a:stretch>
                  <a:fillRect l="-3550" t="-343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1" name="Group 10">
            <a:extLst>
              <a:ext uri="{FF2B5EF4-FFF2-40B4-BE49-F238E27FC236}">
                <a16:creationId xmlns:a16="http://schemas.microsoft.com/office/drawing/2014/main" id="{5E6E109A-C75A-C81A-FA2F-18B799F0BD51}"/>
              </a:ext>
            </a:extLst>
          </p:cNvPr>
          <p:cNvGrpSpPr/>
          <p:nvPr/>
        </p:nvGrpSpPr>
        <p:grpSpPr>
          <a:xfrm>
            <a:off x="6729199" y="5354839"/>
            <a:ext cx="4253183" cy="953427"/>
            <a:chOff x="6729199" y="5354839"/>
            <a:chExt cx="4253183" cy="953427"/>
          </a:xfrm>
        </p:grpSpPr>
        <p:pic>
          <p:nvPicPr>
            <p:cNvPr id="6" name="Picture 5" descr="Bright yellow caution sign indicating construction in progress for safety in industrial environments.">
              <a:extLst>
                <a:ext uri="{FF2B5EF4-FFF2-40B4-BE49-F238E27FC236}">
                  <a16:creationId xmlns:a16="http://schemas.microsoft.com/office/drawing/2014/main" id="{34B67281-1908-3B7A-18CE-BECF16D8779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729199" y="5354839"/>
              <a:ext cx="953427" cy="953427"/>
            </a:xfrm>
            <a:prstGeom prst="rect">
              <a:avLst/>
            </a:prstGeom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655B7429-AF93-65B0-00E0-A9AEE8F3CF1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7768753" y="5483992"/>
              <a:ext cx="2174075" cy="685038"/>
            </a:xfrm>
            <a:prstGeom prst="rect">
              <a:avLst/>
            </a:prstGeom>
          </p:spPr>
        </p:pic>
        <p:pic>
          <p:nvPicPr>
            <p:cNvPr id="10" name="Picture 9" descr="Bright yellow caution sign indicating construction in progress for safety in industrial environments.">
              <a:extLst>
                <a:ext uri="{FF2B5EF4-FFF2-40B4-BE49-F238E27FC236}">
                  <a16:creationId xmlns:a16="http://schemas.microsoft.com/office/drawing/2014/main" id="{A2869088-AE5E-DB48-D2D6-1D99790B1F4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0028955" y="5354839"/>
              <a:ext cx="953427" cy="953427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8973576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  <p:bldP spid="4" grpId="0" uiExpand="1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Content Placeholder 6">
            <a:extLst>
              <a:ext uri="{FF2B5EF4-FFF2-40B4-BE49-F238E27FC236}">
                <a16:creationId xmlns:a16="http://schemas.microsoft.com/office/drawing/2014/main" id="{947A6011-0038-DA9D-1D66-957F316AD421}"/>
              </a:ext>
            </a:extLst>
          </p:cNvPr>
          <p:cNvSpPr txBox="1">
            <a:spLocks/>
          </p:cNvSpPr>
          <p:nvPr/>
        </p:nvSpPr>
        <p:spPr>
          <a:xfrm>
            <a:off x="6152855" y="5610496"/>
            <a:ext cx="2117725" cy="1008000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 anchor="ctr"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GB" b="1"/>
              <a:t>FIGARO-NAM</a:t>
            </a:r>
            <a:endParaRPr lang="en-GB"/>
          </a:p>
        </p:txBody>
      </p:sp>
      <p:sp>
        <p:nvSpPr>
          <p:cNvPr id="6" name="Content Placeholder 6">
            <a:extLst>
              <a:ext uri="{FF2B5EF4-FFF2-40B4-BE49-F238E27FC236}">
                <a16:creationId xmlns:a16="http://schemas.microsoft.com/office/drawing/2014/main" id="{3EACAE49-28C4-31B6-266A-3DDE4FA8FA1B}"/>
              </a:ext>
            </a:extLst>
          </p:cNvPr>
          <p:cNvSpPr txBox="1">
            <a:spLocks/>
          </p:cNvSpPr>
          <p:nvPr/>
        </p:nvSpPr>
        <p:spPr>
          <a:xfrm>
            <a:off x="6152855" y="2105302"/>
            <a:ext cx="2117725" cy="1008000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t">
            <a:normAutofit fontScale="85000" lnSpcReduction="20000"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b="1"/>
              <a:t>Final demand</a:t>
            </a:r>
          </a:p>
          <a:p>
            <a:pPr>
              <a:spcBef>
                <a:spcPts val="0"/>
              </a:spcBef>
            </a:pPr>
            <a:r>
              <a:rPr lang="en-GB"/>
              <a:t>Households</a:t>
            </a:r>
          </a:p>
          <a:p>
            <a:pPr>
              <a:spcBef>
                <a:spcPts val="0"/>
              </a:spcBef>
            </a:pPr>
            <a:r>
              <a:rPr lang="en-GB"/>
              <a:t>Government</a:t>
            </a:r>
          </a:p>
          <a:p>
            <a:pPr>
              <a:spcBef>
                <a:spcPts val="0"/>
              </a:spcBef>
            </a:pPr>
            <a:r>
              <a:rPr lang="en-GB"/>
              <a:t>Investments</a:t>
            </a:r>
          </a:p>
          <a:p>
            <a:pPr>
              <a:spcBef>
                <a:spcPts val="0"/>
              </a:spcBef>
            </a:pPr>
            <a:endParaRPr lang="en-GB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74CF02D7-84FF-248F-1A27-19276D6A2AF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22699" y="2099370"/>
            <a:ext cx="2117725" cy="1008000"/>
          </a:xfrm>
          <a:solidFill>
            <a:srgbClr val="00B0F0"/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 fontScale="85000" lnSpcReduction="10000"/>
          </a:bodyPr>
          <a:lstStyle/>
          <a:p>
            <a:pPr marL="0" indent="0">
              <a:spcBef>
                <a:spcPts val="0"/>
              </a:spcBef>
              <a:buNone/>
            </a:pPr>
            <a:r>
              <a:rPr lang="en-GB" b="1"/>
              <a:t>Structural changes</a:t>
            </a:r>
          </a:p>
          <a:p>
            <a:pPr>
              <a:spcBef>
                <a:spcPts val="0"/>
              </a:spcBef>
            </a:pPr>
            <a:r>
              <a:rPr lang="en-GB"/>
              <a:t>Technology</a:t>
            </a:r>
          </a:p>
          <a:p>
            <a:pPr>
              <a:spcBef>
                <a:spcPts val="0"/>
              </a:spcBef>
            </a:pPr>
            <a:r>
              <a:rPr lang="en-GB"/>
              <a:t>Trade</a:t>
            </a:r>
          </a:p>
          <a:p>
            <a:pPr>
              <a:spcBef>
                <a:spcPts val="0"/>
              </a:spcBef>
            </a:pPr>
            <a:r>
              <a:rPr lang="en-GB"/>
              <a:t>Market shares</a:t>
            </a:r>
          </a:p>
        </p:txBody>
      </p:sp>
      <p:sp>
        <p:nvSpPr>
          <p:cNvPr id="59" name="Free-form: Shape 58">
            <a:extLst>
              <a:ext uri="{FF2B5EF4-FFF2-40B4-BE49-F238E27FC236}">
                <a16:creationId xmlns:a16="http://schemas.microsoft.com/office/drawing/2014/main" id="{EBC4BA26-26A6-68D9-37A4-4FCF4C3FAEF0}"/>
              </a:ext>
            </a:extLst>
          </p:cNvPr>
          <p:cNvSpPr/>
          <p:nvPr/>
        </p:nvSpPr>
        <p:spPr>
          <a:xfrm rot="19900855">
            <a:off x="6400012" y="4123059"/>
            <a:ext cx="746097" cy="161290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1" name="Content Placeholder 6">
                <a:extLst>
                  <a:ext uri="{FF2B5EF4-FFF2-40B4-BE49-F238E27FC236}">
                    <a16:creationId xmlns:a16="http://schemas.microsoft.com/office/drawing/2014/main" id="{36570EE2-F0BC-6CAC-427A-BF06613E0943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3822699" y="4508823"/>
                <a:ext cx="4447881" cy="900000"/>
              </a:xfrm>
              <a:prstGeom prst="rect">
                <a:avLst/>
              </a:prstGeom>
              <a:solidFill>
                <a:srgbClr val="14B978">
                  <a:alpha val="69804"/>
                </a:srgbClr>
              </a:solidFill>
              <a:ln>
                <a:noFill/>
              </a:ln>
            </p:spPr>
            <p:style>
              <a:lnRef idx="2">
                <a:schemeClr val="accent2">
                  <a:shade val="15000"/>
                </a:schemeClr>
              </a:lnRef>
              <a:fillRef idx="1">
                <a:schemeClr val="accent2"/>
              </a:fillRef>
              <a:effectRef idx="0">
                <a:schemeClr val="accent2"/>
              </a:effectRef>
              <a:fontRef idx="minor">
                <a:schemeClr val="lt1"/>
              </a:fontRef>
            </p:style>
            <p:txBody>
              <a:bodyPr vert="horz" lIns="91440" tIns="45720" rIns="91440" bIns="45720" rtlCol="0" anchor="ctr">
                <a:normAutofit fontScale="92500"/>
              </a:bodyPr>
              <a:lstStyle>
                <a:lvl1pPr marL="171450" indent="-171450" algn="l" defTabSz="685800" rtl="0" eaLnBrk="1" latinLnBrk="0" hangingPunct="1">
                  <a:lnSpc>
                    <a:spcPct val="90000"/>
                  </a:lnSpc>
                  <a:spcBef>
                    <a:spcPts val="750"/>
                  </a:spcBef>
                  <a:buFont typeface="Arial" panose="020B0604020202020204" pitchFamily="34" charset="0"/>
                  <a:buChar char="•"/>
                  <a:defRPr sz="21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5143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572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5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001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5430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18859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2288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5717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29146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GB" b="1" i="0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𝐱</m:t>
                      </m:r>
                      <m:r>
                        <a:rPr lang="en-GB" b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GB" b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𝐃</m:t>
                      </m:r>
                      <m:sSup>
                        <m:sSupPr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𝐈</m:t>
                              </m:r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𝐁𝐃</m:t>
                              </m:r>
                            </m:e>
                          </m:d>
                        </m:e>
                        <m:sup>
                          <m:r>
                            <a:rPr lang="en-GB" b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GB" b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𝟏</m:t>
                          </m:r>
                        </m:sup>
                      </m:sSup>
                      <m:sSub>
                        <m:sSubPr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b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𝐲</m:t>
                          </m:r>
                        </m:e>
                        <m:sub>
                          <m: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𝒑</m:t>
                          </m:r>
                        </m:sub>
                      </m:sSub>
                    </m:oMath>
                  </m:oMathPara>
                </a14:m>
                <a:endParaRPr lang="en-GB">
                  <a:solidFill>
                    <a:schemeClr val="bg1"/>
                  </a:solidFill>
                </a:endParaRPr>
              </a:p>
              <a:p>
                <a:pPr marL="0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GB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VA</m:t>
                          </m:r>
                        </m:e>
                        <m:sub>
                          <m:r>
                            <a:rPr lang="en-GB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sub>
                      </m:sSub>
                      <m:r>
                        <a:rPr lang="en-GB" b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limLoc m:val="subSup"/>
                          <m:supHide m:val="on"/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9"/>
                            </m:r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  <m:sup/>
                        <m:e>
                          <m:sSub>
                            <m:sSubPr>
                              <m:ctrlP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𝐯</m:t>
                              </m:r>
                            </m:e>
                            <m:sub>
                              <m:r>
                                <a:rPr lang="en-GB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𝑖𝑐</m:t>
                              </m:r>
                            </m:sub>
                          </m:sSub>
                          <m:sSub>
                            <m:sSubPr>
                              <m:ctrlP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𝒈</m:t>
                              </m:r>
                            </m:e>
                            <m:sub>
                              <m:r>
                                <a:rPr lang="en-GB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𝑖𝑐</m:t>
                              </m:r>
                            </m:sub>
                          </m:sSub>
                        </m:e>
                      </m:nary>
                    </m:oMath>
                  </m:oMathPara>
                </a14:m>
                <a:endParaRPr lang="en-GB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21" name="Content Placeholder 6">
                <a:extLst>
                  <a:ext uri="{FF2B5EF4-FFF2-40B4-BE49-F238E27FC236}">
                    <a16:creationId xmlns:a16="http://schemas.microsoft.com/office/drawing/2014/main" id="{36570EE2-F0BC-6CAC-427A-BF06613E094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822699" y="4508823"/>
                <a:ext cx="4447881" cy="900000"/>
              </a:xfrm>
              <a:prstGeom prst="rect">
                <a:avLst/>
              </a:prstGeom>
              <a:blipFill>
                <a:blip r:embed="rId2"/>
                <a:stretch>
                  <a:fillRect t="-91837" b="-175510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9" name="Free-form: Shape 28">
            <a:extLst>
              <a:ext uri="{FF2B5EF4-FFF2-40B4-BE49-F238E27FC236}">
                <a16:creationId xmlns:a16="http://schemas.microsoft.com/office/drawing/2014/main" id="{6008EBBD-ED01-05B9-4399-EF7B086BE9A8}"/>
              </a:ext>
            </a:extLst>
          </p:cNvPr>
          <p:cNvSpPr/>
          <p:nvPr/>
        </p:nvSpPr>
        <p:spPr>
          <a:xfrm>
            <a:off x="7032625" y="3030294"/>
            <a:ext cx="746097" cy="161290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Free-form: Shape 30">
            <a:extLst>
              <a:ext uri="{FF2B5EF4-FFF2-40B4-BE49-F238E27FC236}">
                <a16:creationId xmlns:a16="http://schemas.microsoft.com/office/drawing/2014/main" id="{4B0DBFB7-12E4-763C-2072-604B08FBD995}"/>
              </a:ext>
            </a:extLst>
          </p:cNvPr>
          <p:cNvSpPr/>
          <p:nvPr/>
        </p:nvSpPr>
        <p:spPr>
          <a:xfrm flipH="1">
            <a:off x="4363510" y="3054597"/>
            <a:ext cx="1486153" cy="1501851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Content Placeholder 6">
            <a:extLst>
              <a:ext uri="{FF2B5EF4-FFF2-40B4-BE49-F238E27FC236}">
                <a16:creationId xmlns:a16="http://schemas.microsoft.com/office/drawing/2014/main" id="{4EE73911-469E-EFFB-5875-AC9F8314E009}"/>
              </a:ext>
            </a:extLst>
          </p:cNvPr>
          <p:cNvSpPr txBox="1">
            <a:spLocks/>
          </p:cNvSpPr>
          <p:nvPr/>
        </p:nvSpPr>
        <p:spPr>
          <a:xfrm>
            <a:off x="3822699" y="3303875"/>
            <a:ext cx="4447881" cy="1008000"/>
          </a:xfrm>
          <a:prstGeom prst="rect">
            <a:avLst/>
          </a:prstGeom>
          <a:solidFill>
            <a:srgbClr val="FF9933">
              <a:alpha val="69804"/>
            </a:srgbClr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>
            <a:defPPr>
              <a:defRPr lang="nb-NO"/>
            </a:defPPr>
            <a:lvl1pPr indent="0" defTabSz="914400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None/>
              <a:defRPr sz="2400" b="1"/>
            </a:lvl1pPr>
            <a:lvl2pPr marL="57150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/>
            </a:lvl2pPr>
            <a:lvl3pPr marL="85725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</a:lvl3pPr>
            <a:lvl4pPr marL="114300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/>
            </a:lvl4pPr>
            <a:lvl5pPr marL="142875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/>
            </a:lvl5pPr>
            <a:lvl6pPr marL="25146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812800" defTabSz="901700">
              <a:lnSpc>
                <a:spcPct val="70000"/>
              </a:lnSpc>
            </a:pPr>
            <a:r>
              <a:rPr lang="en-GB" sz="2000"/>
              <a:t>Prices (wage, </a:t>
            </a:r>
            <a:r>
              <a:rPr lang="en-GB" sz="2000" err="1"/>
              <a:t>ind</a:t>
            </a:r>
            <a:r>
              <a:rPr lang="en-GB" sz="2000"/>
              <a:t> &amp; prod)</a:t>
            </a:r>
          </a:p>
          <a:p>
            <a:pPr marL="812800" defTabSz="901700">
              <a:lnSpc>
                <a:spcPct val="70000"/>
              </a:lnSpc>
              <a:buFont typeface="Arial" panose="020B0604020202020204" pitchFamily="34" charset="0"/>
              <a:buChar char="•"/>
            </a:pPr>
            <a:r>
              <a:rPr lang="en-GB" sz="2000" b="0"/>
              <a:t>Update prices</a:t>
            </a:r>
          </a:p>
          <a:p>
            <a:pPr marL="812800" defTabSz="901700">
              <a:lnSpc>
                <a:spcPct val="70000"/>
              </a:lnSpc>
              <a:buFont typeface="Arial" panose="020B0604020202020204" pitchFamily="34" charset="0"/>
              <a:buChar char="•"/>
            </a:pPr>
            <a:r>
              <a:rPr lang="en-GB" sz="2000" b="0"/>
              <a:t>Price conversion of all</a:t>
            </a:r>
          </a:p>
          <a:p>
            <a:pPr marL="812800" defTabSz="901700">
              <a:lnSpc>
                <a:spcPct val="70000"/>
              </a:lnSpc>
              <a:buFont typeface="Arial" panose="020B0604020202020204" pitchFamily="34" charset="0"/>
              <a:buChar char="•"/>
            </a:pPr>
            <a:r>
              <a:rPr lang="en-GB" sz="2000" b="0"/>
              <a:t>Aggregate price</a:t>
            </a:r>
          </a:p>
        </p:txBody>
      </p:sp>
      <p:sp>
        <p:nvSpPr>
          <p:cNvPr id="35" name="Content Placeholder 6">
            <a:extLst>
              <a:ext uri="{FF2B5EF4-FFF2-40B4-BE49-F238E27FC236}">
                <a16:creationId xmlns:a16="http://schemas.microsoft.com/office/drawing/2014/main" id="{DC6359CF-2FEA-2093-3A3C-D5F693D85FCA}"/>
              </a:ext>
            </a:extLst>
          </p:cNvPr>
          <p:cNvSpPr txBox="1">
            <a:spLocks/>
          </p:cNvSpPr>
          <p:nvPr/>
        </p:nvSpPr>
        <p:spPr>
          <a:xfrm>
            <a:off x="3822698" y="5609817"/>
            <a:ext cx="2117725" cy="1008000"/>
          </a:xfrm>
          <a:prstGeom prst="rect">
            <a:avLst/>
          </a:prstGeom>
          <a:ln>
            <a:noFill/>
          </a:ln>
        </p:spPr>
        <p:style>
          <a:lnRef idx="2">
            <a:schemeClr val="accent5">
              <a:shade val="15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vert="horz" lIns="91440" tIns="45720" rIns="91440" bIns="45720" rtlCol="0" anchor="ctr">
            <a:normAutofit fontScale="92500"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GB" b="1"/>
              <a:t>Physical extensions</a:t>
            </a:r>
          </a:p>
          <a:p>
            <a:pPr marL="622300" indent="0" defTabSz="901700">
              <a:lnSpc>
                <a:spcPct val="80000"/>
              </a:lnSpc>
              <a:spcBef>
                <a:spcPts val="0"/>
              </a:spcBef>
              <a:buClr>
                <a:schemeClr val="accent1"/>
              </a:buClr>
              <a:buSzPct val="100000"/>
            </a:pPr>
            <a:r>
              <a:rPr lang="en-GB" sz="2200"/>
              <a:t>GHG</a:t>
            </a:r>
          </a:p>
          <a:p>
            <a:pPr marL="622300" indent="0" defTabSz="901700">
              <a:lnSpc>
                <a:spcPct val="80000"/>
              </a:lnSpc>
              <a:spcBef>
                <a:spcPts val="0"/>
              </a:spcBef>
              <a:buClr>
                <a:schemeClr val="accent1"/>
              </a:buClr>
              <a:buSzPct val="100000"/>
            </a:pPr>
            <a:r>
              <a:rPr lang="en-GB" sz="2200"/>
              <a:t>EMPL</a:t>
            </a:r>
          </a:p>
        </p:txBody>
      </p:sp>
      <p:sp>
        <p:nvSpPr>
          <p:cNvPr id="37" name="Free-form: Shape 36">
            <a:extLst>
              <a:ext uri="{FF2B5EF4-FFF2-40B4-BE49-F238E27FC236}">
                <a16:creationId xmlns:a16="http://schemas.microsoft.com/office/drawing/2014/main" id="{CAE00DB1-B909-50E6-5EE2-0A39746BDAB8}"/>
              </a:ext>
            </a:extLst>
          </p:cNvPr>
          <p:cNvSpPr/>
          <p:nvPr/>
        </p:nvSpPr>
        <p:spPr>
          <a:xfrm rot="475245" flipV="1">
            <a:off x="7571408" y="4945273"/>
            <a:ext cx="766674" cy="92661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Free-form: Shape 40">
            <a:extLst>
              <a:ext uri="{FF2B5EF4-FFF2-40B4-BE49-F238E27FC236}">
                <a16:creationId xmlns:a16="http://schemas.microsoft.com/office/drawing/2014/main" id="{C5293C54-6E7E-46EB-0515-6BE1FBA9C108}"/>
              </a:ext>
            </a:extLst>
          </p:cNvPr>
          <p:cNvSpPr/>
          <p:nvPr/>
        </p:nvSpPr>
        <p:spPr>
          <a:xfrm>
            <a:off x="5394325" y="5281369"/>
            <a:ext cx="990600" cy="622300"/>
          </a:xfrm>
          <a:custGeom>
            <a:avLst/>
            <a:gdLst>
              <a:gd name="csX0" fmla="*/ 0 w 990600"/>
              <a:gd name="csY0" fmla="*/ 0 h 622300"/>
              <a:gd name="csX1" fmla="*/ 279400 w 990600"/>
              <a:gd name="csY1" fmla="*/ 228600 h 622300"/>
              <a:gd name="csX2" fmla="*/ 749300 w 990600"/>
              <a:gd name="csY2" fmla="*/ 241300 h 622300"/>
              <a:gd name="csX3" fmla="*/ 990600 w 990600"/>
              <a:gd name="csY3" fmla="*/ 622300 h 6223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</a:cxnLst>
            <a:rect l="l" t="t" r="r" b="b"/>
            <a:pathLst>
              <a:path w="990600" h="622300">
                <a:moveTo>
                  <a:pt x="0" y="0"/>
                </a:moveTo>
                <a:cubicBezTo>
                  <a:pt x="77258" y="94191"/>
                  <a:pt x="154517" y="188383"/>
                  <a:pt x="279400" y="228600"/>
                </a:cubicBezTo>
                <a:cubicBezTo>
                  <a:pt x="404283" y="268817"/>
                  <a:pt x="630767" y="175683"/>
                  <a:pt x="749300" y="241300"/>
                </a:cubicBezTo>
                <a:cubicBezTo>
                  <a:pt x="867833" y="306917"/>
                  <a:pt x="929216" y="464608"/>
                  <a:pt x="990600" y="6223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Free-form: Shape 42">
            <a:extLst>
              <a:ext uri="{FF2B5EF4-FFF2-40B4-BE49-F238E27FC236}">
                <a16:creationId xmlns:a16="http://schemas.microsoft.com/office/drawing/2014/main" id="{B9B7CD8F-6165-42A3-CB36-73B82052A007}"/>
              </a:ext>
            </a:extLst>
          </p:cNvPr>
          <p:cNvSpPr/>
          <p:nvPr/>
        </p:nvSpPr>
        <p:spPr>
          <a:xfrm rot="1999405" flipH="1">
            <a:off x="4481369" y="4732214"/>
            <a:ext cx="289209" cy="1017826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Arrow: Right 45">
            <a:extLst>
              <a:ext uri="{FF2B5EF4-FFF2-40B4-BE49-F238E27FC236}">
                <a16:creationId xmlns:a16="http://schemas.microsoft.com/office/drawing/2014/main" id="{F35F3113-D015-3777-7074-0DE53E64C819}"/>
              </a:ext>
            </a:extLst>
          </p:cNvPr>
          <p:cNvSpPr/>
          <p:nvPr/>
        </p:nvSpPr>
        <p:spPr>
          <a:xfrm>
            <a:off x="3128305" y="2358114"/>
            <a:ext cx="649013" cy="521797"/>
          </a:xfrm>
          <a:prstGeom prst="rightArrow">
            <a:avLst/>
          </a:prstGeom>
          <a:solidFill>
            <a:schemeClr val="bg1"/>
          </a:solidFill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b="1" err="1">
                <a:solidFill>
                  <a:schemeClr val="accent6">
                    <a:lumMod val="60000"/>
                    <a:lumOff val="40000"/>
                  </a:schemeClr>
                </a:solidFill>
              </a:rPr>
              <a:t>exog</a:t>
            </a:r>
            <a:endParaRPr lang="en-GB" sz="1200" b="1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48" name="Arrow: Down 47">
            <a:extLst>
              <a:ext uri="{FF2B5EF4-FFF2-40B4-BE49-F238E27FC236}">
                <a16:creationId xmlns:a16="http://schemas.microsoft.com/office/drawing/2014/main" id="{16D4F8E3-3EFA-F6DB-FAEC-8FD846D088BB}"/>
              </a:ext>
            </a:extLst>
          </p:cNvPr>
          <p:cNvSpPr/>
          <p:nvPr/>
        </p:nvSpPr>
        <p:spPr>
          <a:xfrm rot="5400000">
            <a:off x="8333580" y="2368602"/>
            <a:ext cx="522000" cy="648000"/>
          </a:xfrm>
          <a:prstGeom prst="downArrow">
            <a:avLst/>
          </a:prstGeom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vert270" rtlCol="0" anchor="ctr"/>
          <a:lstStyle/>
          <a:p>
            <a:pPr algn="ctr"/>
            <a:r>
              <a:rPr lang="en-GB" sz="1200" b="1" err="1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Cambria" panose="02040503050406030204" pitchFamily="18" charset="0"/>
              </a:rPr>
              <a:t>exog</a:t>
            </a:r>
            <a:endParaRPr lang="en-GB" sz="1200" b="1">
              <a:solidFill>
                <a:schemeClr val="accent6">
                  <a:lumMod val="60000"/>
                  <a:lumOff val="40000"/>
                </a:schemeClr>
              </a:solidFill>
              <a:latin typeface="+mj-lt"/>
              <a:ea typeface="Cambria" panose="02040503050406030204" pitchFamily="18" charset="0"/>
            </a:endParaRP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5C570FF3-E0E0-C3B0-3C24-C23E80EC6F03}"/>
              </a:ext>
            </a:extLst>
          </p:cNvPr>
          <p:cNvSpPr txBox="1"/>
          <p:nvPr/>
        </p:nvSpPr>
        <p:spPr>
          <a:xfrm>
            <a:off x="6346038" y="1100679"/>
            <a:ext cx="16835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b="1" i="1">
                <a:latin typeface="Courier New" panose="02070309020205020404" pitchFamily="49" charset="0"/>
                <a:cs typeface="Courier New" panose="02070309020205020404" pitchFamily="49" charset="0"/>
              </a:rPr>
              <a:t>Year t-1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B8994BED-667C-FEBF-60BF-DBBB6B350693}"/>
              </a:ext>
            </a:extLst>
          </p:cNvPr>
          <p:cNvSpPr txBox="1"/>
          <p:nvPr/>
        </p:nvSpPr>
        <p:spPr>
          <a:xfrm>
            <a:off x="3746498" y="1733479"/>
            <a:ext cx="112712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b="1" i="1">
                <a:solidFill>
                  <a:schemeClr val="tx1">
                    <a:lumMod val="50000"/>
                    <a:lumOff val="50000"/>
                  </a:schemeClr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ear t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7103FDF3-0EE6-2F6C-AE26-184C0973C954}"/>
              </a:ext>
            </a:extLst>
          </p:cNvPr>
          <p:cNvSpPr txBox="1"/>
          <p:nvPr/>
        </p:nvSpPr>
        <p:spPr>
          <a:xfrm>
            <a:off x="8270975" y="5367353"/>
            <a:ext cx="40247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>
                <a:latin typeface="+mj-lt"/>
                <a:cs typeface="Courier New" panose="02070309020205020404" pitchFamily="49" charset="0"/>
              </a:rPr>
              <a:t>0.5</a:t>
            </a:r>
          </a:p>
        </p:txBody>
      </p:sp>
      <p:sp>
        <p:nvSpPr>
          <p:cNvPr id="63" name="Free-form: Shape 62">
            <a:extLst>
              <a:ext uri="{FF2B5EF4-FFF2-40B4-BE49-F238E27FC236}">
                <a16:creationId xmlns:a16="http://schemas.microsoft.com/office/drawing/2014/main" id="{24D24DFC-9629-F3BB-6BEA-01AFC0233634}"/>
              </a:ext>
            </a:extLst>
          </p:cNvPr>
          <p:cNvSpPr/>
          <p:nvPr/>
        </p:nvSpPr>
        <p:spPr>
          <a:xfrm rot="548076" flipH="1">
            <a:off x="5993848" y="1468681"/>
            <a:ext cx="631572" cy="1363461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Free-form: Shape 64">
            <a:extLst>
              <a:ext uri="{FF2B5EF4-FFF2-40B4-BE49-F238E27FC236}">
                <a16:creationId xmlns:a16="http://schemas.microsoft.com/office/drawing/2014/main" id="{EF3EB897-35F5-E286-BF3B-66D0E1153A1A}"/>
              </a:ext>
            </a:extLst>
          </p:cNvPr>
          <p:cNvSpPr/>
          <p:nvPr/>
        </p:nvSpPr>
        <p:spPr>
          <a:xfrm rot="20620974">
            <a:off x="7647888" y="1490748"/>
            <a:ext cx="272656" cy="970486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Title 66">
            <a:extLst>
              <a:ext uri="{FF2B5EF4-FFF2-40B4-BE49-F238E27FC236}">
                <a16:creationId xmlns:a16="http://schemas.microsoft.com/office/drawing/2014/main" id="{EA182B65-4626-537B-9A44-83710197F8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odel flow</a:t>
            </a:r>
          </a:p>
        </p:txBody>
      </p:sp>
    </p:spTree>
    <p:extLst>
      <p:ext uri="{BB962C8B-B14F-4D97-AF65-F5344CB8AC3E}">
        <p14:creationId xmlns:p14="http://schemas.microsoft.com/office/powerpoint/2010/main" val="11286623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 animBg="1"/>
      <p:bldP spid="6" grpId="0" animBg="1"/>
      <p:bldP spid="8" grpId="0" uiExpand="1" build="p" animBg="1"/>
      <p:bldP spid="59" grpId="0" animBg="1"/>
      <p:bldP spid="21" grpId="0" animBg="1"/>
      <p:bldP spid="29" grpId="0" animBg="1"/>
      <p:bldP spid="31" grpId="0" animBg="1"/>
      <p:bldP spid="17" grpId="0" animBg="1"/>
      <p:bldP spid="35" grpId="0" animBg="1"/>
      <p:bldP spid="37" grpId="0" animBg="1"/>
      <p:bldP spid="41" grpId="0" animBg="1"/>
      <p:bldP spid="43" grpId="0" animBg="1"/>
      <p:bldP spid="46" grpId="0" animBg="1"/>
      <p:bldP spid="48" grpId="0" animBg="1"/>
      <p:bldP spid="53" grpId="0"/>
      <p:bldP spid="58" grpId="0"/>
      <p:bldP spid="63" grpId="0" animBg="1"/>
      <p:bldP spid="65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78E5A88-B649-9681-FE7E-BD72ABF3E6C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Content Placeholder 6">
            <a:extLst>
              <a:ext uri="{FF2B5EF4-FFF2-40B4-BE49-F238E27FC236}">
                <a16:creationId xmlns:a16="http://schemas.microsoft.com/office/drawing/2014/main" id="{348CE7DD-8A36-3280-FE62-237250ED907E}"/>
              </a:ext>
            </a:extLst>
          </p:cNvPr>
          <p:cNvSpPr txBox="1">
            <a:spLocks noChangeAspect="1"/>
          </p:cNvSpPr>
          <p:nvPr/>
        </p:nvSpPr>
        <p:spPr>
          <a:xfrm>
            <a:off x="7521121" y="2506882"/>
            <a:ext cx="1210129" cy="576000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 anchor="ctr"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GB" sz="1100" b="1"/>
              <a:t>FIGARO-NAM</a:t>
            </a:r>
            <a:endParaRPr lang="en-GB" sz="1100"/>
          </a:p>
        </p:txBody>
      </p:sp>
      <p:sp>
        <p:nvSpPr>
          <p:cNvPr id="6" name="Content Placeholder 6">
            <a:extLst>
              <a:ext uri="{FF2B5EF4-FFF2-40B4-BE49-F238E27FC236}">
                <a16:creationId xmlns:a16="http://schemas.microsoft.com/office/drawing/2014/main" id="{8C6DCABD-E6D8-7C99-4F6E-6375826742D2}"/>
              </a:ext>
            </a:extLst>
          </p:cNvPr>
          <p:cNvSpPr txBox="1">
            <a:spLocks noChangeAspect="1"/>
          </p:cNvSpPr>
          <p:nvPr/>
        </p:nvSpPr>
        <p:spPr>
          <a:xfrm>
            <a:off x="7500651" y="517097"/>
            <a:ext cx="1210129" cy="576000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t">
            <a:normAutofit fontScale="47500" lnSpcReduction="20000"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b="1"/>
              <a:t>Final demand</a:t>
            </a:r>
          </a:p>
          <a:p>
            <a:pPr>
              <a:spcBef>
                <a:spcPts val="0"/>
              </a:spcBef>
            </a:pPr>
            <a:r>
              <a:rPr lang="en-GB"/>
              <a:t>Households</a:t>
            </a:r>
          </a:p>
          <a:p>
            <a:pPr>
              <a:spcBef>
                <a:spcPts val="0"/>
              </a:spcBef>
            </a:pPr>
            <a:r>
              <a:rPr lang="en-GB"/>
              <a:t>Government</a:t>
            </a:r>
          </a:p>
          <a:p>
            <a:pPr>
              <a:spcBef>
                <a:spcPts val="0"/>
              </a:spcBef>
            </a:pPr>
            <a:r>
              <a:rPr lang="en-GB"/>
              <a:t>Investments</a:t>
            </a:r>
          </a:p>
          <a:p>
            <a:pPr>
              <a:spcBef>
                <a:spcPts val="0"/>
              </a:spcBef>
            </a:pPr>
            <a:endParaRPr lang="en-GB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81F9155F-36DA-EE2B-A8AB-49D98C2C3976}"/>
              </a:ext>
            </a:extLst>
          </p:cNvPr>
          <p:cNvSpPr>
            <a:spLocks noGrp="1" noChangeAspect="1"/>
          </p:cNvSpPr>
          <p:nvPr>
            <p:ph sz="half" idx="1"/>
          </p:nvPr>
        </p:nvSpPr>
        <p:spPr>
          <a:xfrm>
            <a:off x="6169024" y="521395"/>
            <a:ext cx="1210129" cy="576000"/>
          </a:xfrm>
          <a:solidFill>
            <a:srgbClr val="00B0F0"/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 fontScale="47500" lnSpcReduction="20000"/>
          </a:bodyPr>
          <a:lstStyle/>
          <a:p>
            <a:pPr marL="0" indent="0">
              <a:spcBef>
                <a:spcPts val="0"/>
              </a:spcBef>
              <a:buNone/>
            </a:pPr>
            <a:r>
              <a:rPr lang="en-GB" b="1"/>
              <a:t>Structural changes</a:t>
            </a:r>
          </a:p>
          <a:p>
            <a:pPr>
              <a:spcBef>
                <a:spcPts val="0"/>
              </a:spcBef>
            </a:pPr>
            <a:r>
              <a:rPr lang="en-GB"/>
              <a:t>Technology</a:t>
            </a:r>
          </a:p>
          <a:p>
            <a:pPr>
              <a:spcBef>
                <a:spcPts val="0"/>
              </a:spcBef>
            </a:pPr>
            <a:r>
              <a:rPr lang="en-GB"/>
              <a:t>Trade</a:t>
            </a:r>
          </a:p>
          <a:p>
            <a:pPr>
              <a:spcBef>
                <a:spcPts val="0"/>
              </a:spcBef>
            </a:pPr>
            <a:r>
              <a:rPr lang="en-GB"/>
              <a:t>Market shares</a:t>
            </a:r>
          </a:p>
        </p:txBody>
      </p:sp>
      <p:sp>
        <p:nvSpPr>
          <p:cNvPr id="59" name="Free-form: Shape 58">
            <a:extLst>
              <a:ext uri="{FF2B5EF4-FFF2-40B4-BE49-F238E27FC236}">
                <a16:creationId xmlns:a16="http://schemas.microsoft.com/office/drawing/2014/main" id="{FAAD2A17-E2F2-F8E6-CA65-4F19D6B21983}"/>
              </a:ext>
            </a:extLst>
          </p:cNvPr>
          <p:cNvSpPr/>
          <p:nvPr/>
        </p:nvSpPr>
        <p:spPr>
          <a:xfrm rot="19547759">
            <a:off x="7685131" y="1599716"/>
            <a:ext cx="282991" cy="99503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1" name="Content Placeholder 6">
                <a:extLst>
                  <a:ext uri="{FF2B5EF4-FFF2-40B4-BE49-F238E27FC236}">
                    <a16:creationId xmlns:a16="http://schemas.microsoft.com/office/drawing/2014/main" id="{A3D5419A-174F-72BF-61AC-B726432CEB8F}"/>
                  </a:ext>
                </a:extLst>
              </p:cNvPr>
              <p:cNvSpPr txBox="1">
                <a:spLocks noChangeAspect="1"/>
              </p:cNvSpPr>
              <p:nvPr/>
            </p:nvSpPr>
            <p:spPr>
              <a:xfrm>
                <a:off x="6169023" y="1880283"/>
                <a:ext cx="2541600" cy="514276"/>
              </a:xfrm>
              <a:prstGeom prst="rect">
                <a:avLst/>
              </a:prstGeom>
              <a:solidFill>
                <a:srgbClr val="14B978">
                  <a:alpha val="69804"/>
                </a:srgbClr>
              </a:solidFill>
              <a:ln>
                <a:noFill/>
              </a:ln>
            </p:spPr>
            <p:style>
              <a:lnRef idx="2">
                <a:schemeClr val="accent2">
                  <a:shade val="15000"/>
                </a:schemeClr>
              </a:lnRef>
              <a:fillRef idx="1">
                <a:schemeClr val="accent2"/>
              </a:fillRef>
              <a:effectRef idx="0">
                <a:schemeClr val="accent2"/>
              </a:effectRef>
              <a:fontRef idx="minor">
                <a:schemeClr val="lt1"/>
              </a:fontRef>
            </p:style>
            <p:txBody>
              <a:bodyPr vert="horz" lIns="91440" tIns="45720" rIns="91440" bIns="45720" rtlCol="0" anchor="ctr">
                <a:normAutofit fontScale="47500" lnSpcReduction="20000"/>
              </a:bodyPr>
              <a:lstStyle>
                <a:lvl1pPr marL="171450" indent="-171450" algn="l" defTabSz="685800" rtl="0" eaLnBrk="1" latinLnBrk="0" hangingPunct="1">
                  <a:lnSpc>
                    <a:spcPct val="90000"/>
                  </a:lnSpc>
                  <a:spcBef>
                    <a:spcPts val="750"/>
                  </a:spcBef>
                  <a:buFont typeface="Arial" panose="020B0604020202020204" pitchFamily="34" charset="0"/>
                  <a:buChar char="•"/>
                  <a:defRPr sz="21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5143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572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5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001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5430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18859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2288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5717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29146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GB" b="1" i="0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𝐱</m:t>
                      </m:r>
                      <m:r>
                        <a:rPr lang="en-GB" b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GB" b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𝐃</m:t>
                      </m:r>
                      <m:sSup>
                        <m:sSupPr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𝐈</m:t>
                              </m:r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𝐁𝐃</m:t>
                              </m:r>
                            </m:e>
                          </m:d>
                        </m:e>
                        <m:sup>
                          <m:r>
                            <a:rPr lang="en-GB" b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GB" b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𝟏</m:t>
                          </m:r>
                        </m:sup>
                      </m:sSup>
                      <m:sSub>
                        <m:sSubPr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b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𝐲</m:t>
                          </m:r>
                        </m:e>
                        <m:sub>
                          <m: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𝒑</m:t>
                          </m:r>
                        </m:sub>
                      </m:sSub>
                    </m:oMath>
                  </m:oMathPara>
                </a14:m>
                <a:endParaRPr lang="en-GB">
                  <a:solidFill>
                    <a:schemeClr val="bg1"/>
                  </a:solidFill>
                </a:endParaRPr>
              </a:p>
              <a:p>
                <a:pPr marL="0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GB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VA</m:t>
                          </m:r>
                        </m:e>
                        <m:sub>
                          <m:r>
                            <a:rPr lang="en-GB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sub>
                      </m:sSub>
                      <m:r>
                        <a:rPr lang="en-GB" b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limLoc m:val="subSup"/>
                          <m:supHide m:val="on"/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9"/>
                            </m:r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  <m:sup/>
                        <m:e>
                          <m:sSub>
                            <m:sSubPr>
                              <m:ctrlP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𝐯</m:t>
                              </m:r>
                            </m:e>
                            <m:sub>
                              <m:r>
                                <a:rPr lang="en-GB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𝑖𝑐</m:t>
                              </m:r>
                            </m:sub>
                          </m:sSub>
                          <m:sSub>
                            <m:sSubPr>
                              <m:ctrlP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𝒈</m:t>
                              </m:r>
                            </m:e>
                            <m:sub>
                              <m:r>
                                <a:rPr lang="en-GB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𝑖𝑐</m:t>
                              </m:r>
                            </m:sub>
                          </m:sSub>
                        </m:e>
                      </m:nary>
                    </m:oMath>
                  </m:oMathPara>
                </a14:m>
                <a:endParaRPr lang="en-GB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21" name="Content Placeholder 6">
                <a:extLst>
                  <a:ext uri="{FF2B5EF4-FFF2-40B4-BE49-F238E27FC236}">
                    <a16:creationId xmlns:a16="http://schemas.microsoft.com/office/drawing/2014/main" id="{A3D5419A-174F-72BF-61AC-B726432CEB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169023" y="1880283"/>
                <a:ext cx="2541600" cy="514276"/>
              </a:xfrm>
              <a:prstGeom prst="rect">
                <a:avLst/>
              </a:prstGeom>
              <a:blipFill>
                <a:blip r:embed="rId2"/>
                <a:stretch>
                  <a:fillRect t="-77647" b="-152941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9" name="Free-form: Shape 28">
            <a:extLst>
              <a:ext uri="{FF2B5EF4-FFF2-40B4-BE49-F238E27FC236}">
                <a16:creationId xmlns:a16="http://schemas.microsoft.com/office/drawing/2014/main" id="{0E76A06B-0B9D-A838-DA33-DA7CA9FE98CB}"/>
              </a:ext>
            </a:extLst>
          </p:cNvPr>
          <p:cNvSpPr/>
          <p:nvPr/>
        </p:nvSpPr>
        <p:spPr>
          <a:xfrm>
            <a:off x="7989279" y="1086229"/>
            <a:ext cx="419139" cy="881495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Free-form: Shape 30">
            <a:extLst>
              <a:ext uri="{FF2B5EF4-FFF2-40B4-BE49-F238E27FC236}">
                <a16:creationId xmlns:a16="http://schemas.microsoft.com/office/drawing/2014/main" id="{1683B258-7CCF-D3F7-69F5-49319A3E43C9}"/>
              </a:ext>
            </a:extLst>
          </p:cNvPr>
          <p:cNvSpPr/>
          <p:nvPr/>
        </p:nvSpPr>
        <p:spPr>
          <a:xfrm flipH="1">
            <a:off x="6375719" y="1041037"/>
            <a:ext cx="832410" cy="839246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Content Placeholder 6">
            <a:extLst>
              <a:ext uri="{FF2B5EF4-FFF2-40B4-BE49-F238E27FC236}">
                <a16:creationId xmlns:a16="http://schemas.microsoft.com/office/drawing/2014/main" id="{A667852E-5DFD-A3AF-1E6F-B33B198A3E55}"/>
              </a:ext>
            </a:extLst>
          </p:cNvPr>
          <p:cNvSpPr txBox="1">
            <a:spLocks noChangeAspect="1"/>
          </p:cNvSpPr>
          <p:nvPr/>
        </p:nvSpPr>
        <p:spPr>
          <a:xfrm>
            <a:off x="6169023" y="1193795"/>
            <a:ext cx="2541646" cy="576000"/>
          </a:xfrm>
          <a:prstGeom prst="rect">
            <a:avLst/>
          </a:prstGeom>
          <a:solidFill>
            <a:srgbClr val="FF9933">
              <a:alpha val="69804"/>
            </a:srgbClr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>
            <a:defPPr>
              <a:defRPr lang="nb-NO"/>
            </a:defPPr>
            <a:lvl1pPr indent="0" defTabSz="914400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None/>
              <a:defRPr sz="2400" b="1"/>
            </a:lvl1pPr>
            <a:lvl2pPr marL="57150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/>
            </a:lvl2pPr>
            <a:lvl3pPr marL="85725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</a:lvl3pPr>
            <a:lvl4pPr marL="114300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/>
            </a:lvl4pPr>
            <a:lvl5pPr marL="142875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/>
            </a:lvl5pPr>
            <a:lvl6pPr marL="25146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361950" defTabSz="901700">
              <a:lnSpc>
                <a:spcPct val="70000"/>
              </a:lnSpc>
            </a:pPr>
            <a:r>
              <a:rPr lang="en-GB" sz="1100"/>
              <a:t>Prices (wage, </a:t>
            </a:r>
            <a:r>
              <a:rPr lang="en-GB" sz="1100" err="1"/>
              <a:t>ind</a:t>
            </a:r>
            <a:r>
              <a:rPr lang="en-GB" sz="1100"/>
              <a:t> &amp; prod)</a:t>
            </a:r>
          </a:p>
          <a:p>
            <a:pPr marL="361950" defTabSz="901700">
              <a:lnSpc>
                <a:spcPct val="70000"/>
              </a:lnSpc>
              <a:buFont typeface="Arial" panose="020B0604020202020204" pitchFamily="34" charset="0"/>
              <a:buChar char="•"/>
            </a:pPr>
            <a:r>
              <a:rPr lang="en-GB" sz="1100" b="0"/>
              <a:t>Update prices</a:t>
            </a:r>
          </a:p>
          <a:p>
            <a:pPr marL="361950" defTabSz="901700">
              <a:lnSpc>
                <a:spcPct val="70000"/>
              </a:lnSpc>
              <a:buFont typeface="Arial" panose="020B0604020202020204" pitchFamily="34" charset="0"/>
              <a:buChar char="•"/>
            </a:pPr>
            <a:r>
              <a:rPr lang="en-GB" sz="1100" b="0"/>
              <a:t>Price conversion of all</a:t>
            </a:r>
          </a:p>
          <a:p>
            <a:pPr marL="361950" defTabSz="901700">
              <a:lnSpc>
                <a:spcPct val="70000"/>
              </a:lnSpc>
              <a:buFont typeface="Arial" panose="020B0604020202020204" pitchFamily="34" charset="0"/>
              <a:buChar char="•"/>
            </a:pPr>
            <a:r>
              <a:rPr lang="en-GB" sz="1100" b="0"/>
              <a:t>Aggregate price</a:t>
            </a:r>
          </a:p>
        </p:txBody>
      </p:sp>
      <p:sp>
        <p:nvSpPr>
          <p:cNvPr id="37" name="Free-form: Shape 36">
            <a:extLst>
              <a:ext uri="{FF2B5EF4-FFF2-40B4-BE49-F238E27FC236}">
                <a16:creationId xmlns:a16="http://schemas.microsoft.com/office/drawing/2014/main" id="{F45B3618-981D-4E8B-B493-C2DAFE9B018C}"/>
              </a:ext>
            </a:extLst>
          </p:cNvPr>
          <p:cNvSpPr/>
          <p:nvPr/>
        </p:nvSpPr>
        <p:spPr>
          <a:xfrm rot="475245" flipV="1">
            <a:off x="8092228" y="2099765"/>
            <a:ext cx="724918" cy="64342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Free-form: Shape 40">
            <a:extLst>
              <a:ext uri="{FF2B5EF4-FFF2-40B4-BE49-F238E27FC236}">
                <a16:creationId xmlns:a16="http://schemas.microsoft.com/office/drawing/2014/main" id="{DB6F0FEF-1E46-4D36-7107-D23C12016719}"/>
              </a:ext>
            </a:extLst>
          </p:cNvPr>
          <p:cNvSpPr/>
          <p:nvPr/>
        </p:nvSpPr>
        <p:spPr>
          <a:xfrm>
            <a:off x="7025821" y="2292713"/>
            <a:ext cx="718004" cy="324657"/>
          </a:xfrm>
          <a:custGeom>
            <a:avLst/>
            <a:gdLst>
              <a:gd name="csX0" fmla="*/ 0 w 990600"/>
              <a:gd name="csY0" fmla="*/ 0 h 622300"/>
              <a:gd name="csX1" fmla="*/ 279400 w 990600"/>
              <a:gd name="csY1" fmla="*/ 228600 h 622300"/>
              <a:gd name="csX2" fmla="*/ 749300 w 990600"/>
              <a:gd name="csY2" fmla="*/ 241300 h 622300"/>
              <a:gd name="csX3" fmla="*/ 990600 w 990600"/>
              <a:gd name="csY3" fmla="*/ 622300 h 6223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</a:cxnLst>
            <a:rect l="l" t="t" r="r" b="b"/>
            <a:pathLst>
              <a:path w="990600" h="622300">
                <a:moveTo>
                  <a:pt x="0" y="0"/>
                </a:moveTo>
                <a:cubicBezTo>
                  <a:pt x="77258" y="94191"/>
                  <a:pt x="154517" y="188383"/>
                  <a:pt x="279400" y="228600"/>
                </a:cubicBezTo>
                <a:cubicBezTo>
                  <a:pt x="404283" y="268817"/>
                  <a:pt x="630767" y="175683"/>
                  <a:pt x="749300" y="241300"/>
                </a:cubicBezTo>
                <a:cubicBezTo>
                  <a:pt x="867833" y="306917"/>
                  <a:pt x="929216" y="464608"/>
                  <a:pt x="990600" y="6223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Arrow: Right 45">
            <a:extLst>
              <a:ext uri="{FF2B5EF4-FFF2-40B4-BE49-F238E27FC236}">
                <a16:creationId xmlns:a16="http://schemas.microsoft.com/office/drawing/2014/main" id="{6373AC4E-C618-A017-27CD-C5309E705C89}"/>
              </a:ext>
            </a:extLst>
          </p:cNvPr>
          <p:cNvSpPr>
            <a:spLocks noChangeAspect="1"/>
          </p:cNvSpPr>
          <p:nvPr/>
        </p:nvSpPr>
        <p:spPr>
          <a:xfrm>
            <a:off x="5709348" y="623021"/>
            <a:ext cx="447769" cy="360000"/>
          </a:xfrm>
          <a:prstGeom prst="rightArrow">
            <a:avLst/>
          </a:prstGeom>
          <a:solidFill>
            <a:schemeClr val="bg1"/>
          </a:solidFill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700" err="1">
                <a:solidFill>
                  <a:schemeClr val="accent6">
                    <a:lumMod val="60000"/>
                    <a:lumOff val="40000"/>
                  </a:schemeClr>
                </a:solidFill>
              </a:rPr>
              <a:t>exog</a:t>
            </a:r>
            <a:endParaRPr lang="en-GB" sz="70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48" name="Arrow: Down 47">
            <a:extLst>
              <a:ext uri="{FF2B5EF4-FFF2-40B4-BE49-F238E27FC236}">
                <a16:creationId xmlns:a16="http://schemas.microsoft.com/office/drawing/2014/main" id="{42FBC869-8F50-54A9-DE67-95706E5B6F29}"/>
              </a:ext>
            </a:extLst>
          </p:cNvPr>
          <p:cNvSpPr>
            <a:spLocks noChangeAspect="1"/>
          </p:cNvSpPr>
          <p:nvPr/>
        </p:nvSpPr>
        <p:spPr>
          <a:xfrm rot="5400000">
            <a:off x="8769593" y="637194"/>
            <a:ext cx="290000" cy="360000"/>
          </a:xfrm>
          <a:prstGeom prst="downArrow">
            <a:avLst/>
          </a:prstGeom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vert270" rtlCol="0" anchor="ctr"/>
          <a:lstStyle/>
          <a:p>
            <a:pPr algn="ctr"/>
            <a:r>
              <a:rPr lang="en-GB" sz="700" b="1" err="1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Cambria" panose="02040503050406030204" pitchFamily="18" charset="0"/>
              </a:rPr>
              <a:t>exog</a:t>
            </a:r>
            <a:endParaRPr lang="en-GB" sz="700" b="1">
              <a:solidFill>
                <a:schemeClr val="accent6">
                  <a:lumMod val="60000"/>
                  <a:lumOff val="40000"/>
                </a:schemeClr>
              </a:solidFill>
              <a:latin typeface="+mj-lt"/>
              <a:ea typeface="Cambria" panose="02040503050406030204" pitchFamily="18" charset="0"/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B23F7DED-13F7-93BE-8BD2-1F847BB99DDA}"/>
              </a:ext>
            </a:extLst>
          </p:cNvPr>
          <p:cNvSpPr txBox="1"/>
          <p:nvPr/>
        </p:nvSpPr>
        <p:spPr>
          <a:xfrm>
            <a:off x="6092823" y="155504"/>
            <a:ext cx="112712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b="1" i="1">
                <a:solidFill>
                  <a:schemeClr val="tx1">
                    <a:lumMod val="50000"/>
                    <a:lumOff val="50000"/>
                  </a:schemeClr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ear t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0FA51032-CF27-965C-07E9-3CE215B6A658}"/>
              </a:ext>
            </a:extLst>
          </p:cNvPr>
          <p:cNvSpPr txBox="1"/>
          <p:nvPr/>
        </p:nvSpPr>
        <p:spPr>
          <a:xfrm>
            <a:off x="8761401" y="2342016"/>
            <a:ext cx="40247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000" b="1">
                <a:latin typeface="+mj-lt"/>
                <a:cs typeface="Courier New" panose="02070309020205020404" pitchFamily="49" charset="0"/>
              </a:rPr>
              <a:t>0.5</a:t>
            </a:r>
          </a:p>
        </p:txBody>
      </p:sp>
      <p:sp>
        <p:nvSpPr>
          <p:cNvPr id="3" name="Content Placeholder 6">
            <a:extLst>
              <a:ext uri="{FF2B5EF4-FFF2-40B4-BE49-F238E27FC236}">
                <a16:creationId xmlns:a16="http://schemas.microsoft.com/office/drawing/2014/main" id="{727F0B26-60D7-C13E-497C-AC5F82AE7578}"/>
              </a:ext>
            </a:extLst>
          </p:cNvPr>
          <p:cNvSpPr txBox="1">
            <a:spLocks noChangeAspect="1"/>
          </p:cNvSpPr>
          <p:nvPr/>
        </p:nvSpPr>
        <p:spPr>
          <a:xfrm>
            <a:off x="7521121" y="5676871"/>
            <a:ext cx="1210129" cy="576000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 anchor="ctr"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GB" sz="1100" b="1"/>
              <a:t>FIGARO-NAM</a:t>
            </a:r>
            <a:endParaRPr lang="en-GB" sz="1100"/>
          </a:p>
        </p:txBody>
      </p:sp>
      <p:sp>
        <p:nvSpPr>
          <p:cNvPr id="4" name="Content Placeholder 6">
            <a:extLst>
              <a:ext uri="{FF2B5EF4-FFF2-40B4-BE49-F238E27FC236}">
                <a16:creationId xmlns:a16="http://schemas.microsoft.com/office/drawing/2014/main" id="{CD91B4A3-4E6A-7F36-F375-778CAD2BFF95}"/>
              </a:ext>
            </a:extLst>
          </p:cNvPr>
          <p:cNvSpPr txBox="1">
            <a:spLocks noChangeAspect="1"/>
          </p:cNvSpPr>
          <p:nvPr/>
        </p:nvSpPr>
        <p:spPr>
          <a:xfrm>
            <a:off x="7500651" y="3687086"/>
            <a:ext cx="1210129" cy="576000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t">
            <a:normAutofit fontScale="47500" lnSpcReduction="20000"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b="1"/>
              <a:t>Final demand</a:t>
            </a:r>
          </a:p>
          <a:p>
            <a:pPr>
              <a:spcBef>
                <a:spcPts val="0"/>
              </a:spcBef>
            </a:pPr>
            <a:r>
              <a:rPr lang="en-GB"/>
              <a:t>Households</a:t>
            </a:r>
          </a:p>
          <a:p>
            <a:pPr>
              <a:spcBef>
                <a:spcPts val="0"/>
              </a:spcBef>
            </a:pPr>
            <a:r>
              <a:rPr lang="en-GB"/>
              <a:t>Government</a:t>
            </a:r>
          </a:p>
          <a:p>
            <a:pPr>
              <a:spcBef>
                <a:spcPts val="0"/>
              </a:spcBef>
            </a:pPr>
            <a:r>
              <a:rPr lang="en-GB"/>
              <a:t>Investments</a:t>
            </a:r>
          </a:p>
          <a:p>
            <a:pPr>
              <a:spcBef>
                <a:spcPts val="0"/>
              </a:spcBef>
            </a:pPr>
            <a:endParaRPr lang="en-GB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ADF0E783-166B-01D0-1EF8-84EF2E4640E2}"/>
              </a:ext>
            </a:extLst>
          </p:cNvPr>
          <p:cNvSpPr txBox="1">
            <a:spLocks noChangeAspect="1"/>
          </p:cNvSpPr>
          <p:nvPr/>
        </p:nvSpPr>
        <p:spPr>
          <a:xfrm>
            <a:off x="6169024" y="3691384"/>
            <a:ext cx="1210129" cy="576000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0" tIns="0" rIns="0" bIns="0" rtlCol="0">
            <a:normAutofit fontScale="47500" lnSpcReduction="20000"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b="1"/>
              <a:t>Structural changes</a:t>
            </a:r>
          </a:p>
          <a:p>
            <a:pPr>
              <a:spcBef>
                <a:spcPts val="0"/>
              </a:spcBef>
            </a:pPr>
            <a:r>
              <a:rPr lang="en-GB"/>
              <a:t>Technology</a:t>
            </a:r>
          </a:p>
          <a:p>
            <a:pPr>
              <a:spcBef>
                <a:spcPts val="0"/>
              </a:spcBef>
            </a:pPr>
            <a:r>
              <a:rPr lang="en-GB"/>
              <a:t>Trade</a:t>
            </a:r>
          </a:p>
          <a:p>
            <a:pPr>
              <a:spcBef>
                <a:spcPts val="0"/>
              </a:spcBef>
            </a:pPr>
            <a:r>
              <a:rPr lang="en-GB"/>
              <a:t>Market shares</a:t>
            </a:r>
          </a:p>
        </p:txBody>
      </p:sp>
      <p:sp>
        <p:nvSpPr>
          <p:cNvPr id="7" name="Free-form: Shape 6">
            <a:extLst>
              <a:ext uri="{FF2B5EF4-FFF2-40B4-BE49-F238E27FC236}">
                <a16:creationId xmlns:a16="http://schemas.microsoft.com/office/drawing/2014/main" id="{8101BCB8-27A3-805E-4470-F0CAA06FA85D}"/>
              </a:ext>
            </a:extLst>
          </p:cNvPr>
          <p:cNvSpPr/>
          <p:nvPr/>
        </p:nvSpPr>
        <p:spPr>
          <a:xfrm rot="19547759">
            <a:off x="7685131" y="4769705"/>
            <a:ext cx="282991" cy="99503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Content Placeholder 6">
                <a:extLst>
                  <a:ext uri="{FF2B5EF4-FFF2-40B4-BE49-F238E27FC236}">
                    <a16:creationId xmlns:a16="http://schemas.microsoft.com/office/drawing/2014/main" id="{4DB4B290-AFAB-5B14-27B3-60AB70DB133F}"/>
                  </a:ext>
                </a:extLst>
              </p:cNvPr>
              <p:cNvSpPr txBox="1">
                <a:spLocks noChangeAspect="1"/>
              </p:cNvSpPr>
              <p:nvPr/>
            </p:nvSpPr>
            <p:spPr>
              <a:xfrm>
                <a:off x="6169023" y="5050272"/>
                <a:ext cx="2541600" cy="514276"/>
              </a:xfrm>
              <a:prstGeom prst="rect">
                <a:avLst/>
              </a:prstGeom>
              <a:solidFill>
                <a:srgbClr val="14B978">
                  <a:alpha val="69804"/>
                </a:srgbClr>
              </a:solidFill>
              <a:ln>
                <a:noFill/>
              </a:ln>
            </p:spPr>
            <p:style>
              <a:lnRef idx="2">
                <a:schemeClr val="accent2">
                  <a:shade val="15000"/>
                </a:schemeClr>
              </a:lnRef>
              <a:fillRef idx="1">
                <a:schemeClr val="accent2"/>
              </a:fillRef>
              <a:effectRef idx="0">
                <a:schemeClr val="accent2"/>
              </a:effectRef>
              <a:fontRef idx="minor">
                <a:schemeClr val="lt1"/>
              </a:fontRef>
            </p:style>
            <p:txBody>
              <a:bodyPr vert="horz" lIns="91440" tIns="45720" rIns="91440" bIns="45720" rtlCol="0" anchor="ctr">
                <a:normAutofit fontScale="47500" lnSpcReduction="20000"/>
              </a:bodyPr>
              <a:lstStyle>
                <a:lvl1pPr marL="171450" indent="-171450" algn="l" defTabSz="685800" rtl="0" eaLnBrk="1" latinLnBrk="0" hangingPunct="1">
                  <a:lnSpc>
                    <a:spcPct val="90000"/>
                  </a:lnSpc>
                  <a:spcBef>
                    <a:spcPts val="750"/>
                  </a:spcBef>
                  <a:buFont typeface="Arial" panose="020B0604020202020204" pitchFamily="34" charset="0"/>
                  <a:buChar char="•"/>
                  <a:defRPr sz="21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5143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572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5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001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5430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18859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2288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5717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2914650" indent="-171450" algn="l" defTabSz="685800" rtl="0" eaLnBrk="1" latinLnBrk="0" hangingPunct="1">
                  <a:lnSpc>
                    <a:spcPct val="90000"/>
                  </a:lnSpc>
                  <a:spcBef>
                    <a:spcPts val="375"/>
                  </a:spcBef>
                  <a:buFont typeface="Arial" panose="020B0604020202020204" pitchFamily="34" charset="0"/>
                  <a:buChar char="•"/>
                  <a:defRPr sz="135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GB" b="1" i="0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𝐱</m:t>
                      </m:r>
                      <m:r>
                        <a:rPr lang="en-GB" b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GB" b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𝐃</m:t>
                      </m:r>
                      <m:sSup>
                        <m:sSupPr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𝐈</m:t>
                              </m:r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𝐁𝐃</m:t>
                              </m:r>
                            </m:e>
                          </m:d>
                        </m:e>
                        <m:sup>
                          <m:r>
                            <a:rPr lang="en-GB" b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GB" b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𝟏</m:t>
                          </m:r>
                        </m:sup>
                      </m:sSup>
                      <m:sSub>
                        <m:sSubPr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b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𝐲</m:t>
                          </m:r>
                        </m:e>
                        <m:sub>
                          <m: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𝒑</m:t>
                          </m:r>
                        </m:sub>
                      </m:sSub>
                    </m:oMath>
                  </m:oMathPara>
                </a14:m>
                <a:endParaRPr lang="en-GB">
                  <a:solidFill>
                    <a:schemeClr val="bg1"/>
                  </a:solidFill>
                </a:endParaRPr>
              </a:p>
              <a:p>
                <a:pPr marL="0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GB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VA</m:t>
                          </m:r>
                        </m:e>
                        <m:sub>
                          <m:r>
                            <a:rPr lang="en-GB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sub>
                      </m:sSub>
                      <m:r>
                        <a:rPr lang="en-GB" b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limLoc m:val="subSup"/>
                          <m:supHide m:val="on"/>
                          <m:ctrl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9"/>
                            </m:rPr>
                            <a:rPr lang="en-GB" b="1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  <m:sup/>
                        <m:e>
                          <m:sSub>
                            <m:sSubPr>
                              <m:ctrlP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b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𝐯</m:t>
                              </m:r>
                            </m:e>
                            <m:sub>
                              <m:r>
                                <a:rPr lang="en-GB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𝑖𝑐</m:t>
                              </m:r>
                            </m:sub>
                          </m:sSub>
                          <m:sSub>
                            <m:sSubPr>
                              <m:ctrlP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b="1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𝒈</m:t>
                              </m:r>
                            </m:e>
                            <m:sub>
                              <m:r>
                                <a:rPr lang="en-GB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𝑖𝑐</m:t>
                              </m:r>
                            </m:sub>
                          </m:sSub>
                        </m:e>
                      </m:nary>
                    </m:oMath>
                  </m:oMathPara>
                </a14:m>
                <a:endParaRPr lang="en-GB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9" name="Content Placeholder 6">
                <a:extLst>
                  <a:ext uri="{FF2B5EF4-FFF2-40B4-BE49-F238E27FC236}">
                    <a16:creationId xmlns:a16="http://schemas.microsoft.com/office/drawing/2014/main" id="{4DB4B290-AFAB-5B14-27B3-60AB70DB133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169023" y="5050272"/>
                <a:ext cx="2541600" cy="514276"/>
              </a:xfrm>
              <a:prstGeom prst="rect">
                <a:avLst/>
              </a:prstGeom>
              <a:blipFill>
                <a:blip r:embed="rId3"/>
                <a:stretch>
                  <a:fillRect t="-77647" b="-152941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0" name="Free-form: Shape 9">
            <a:extLst>
              <a:ext uri="{FF2B5EF4-FFF2-40B4-BE49-F238E27FC236}">
                <a16:creationId xmlns:a16="http://schemas.microsoft.com/office/drawing/2014/main" id="{B509BA6F-A4EC-047C-A3DE-C3FCE51E28B0}"/>
              </a:ext>
            </a:extLst>
          </p:cNvPr>
          <p:cNvSpPr/>
          <p:nvPr/>
        </p:nvSpPr>
        <p:spPr>
          <a:xfrm>
            <a:off x="7989279" y="4256218"/>
            <a:ext cx="419139" cy="881495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Free-form: Shape 10">
            <a:extLst>
              <a:ext uri="{FF2B5EF4-FFF2-40B4-BE49-F238E27FC236}">
                <a16:creationId xmlns:a16="http://schemas.microsoft.com/office/drawing/2014/main" id="{EB7C8BC4-D271-A7B5-33F1-2A972F2FDDB4}"/>
              </a:ext>
            </a:extLst>
          </p:cNvPr>
          <p:cNvSpPr/>
          <p:nvPr/>
        </p:nvSpPr>
        <p:spPr>
          <a:xfrm flipH="1">
            <a:off x="6375719" y="4211026"/>
            <a:ext cx="832410" cy="839246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Content Placeholder 6">
            <a:extLst>
              <a:ext uri="{FF2B5EF4-FFF2-40B4-BE49-F238E27FC236}">
                <a16:creationId xmlns:a16="http://schemas.microsoft.com/office/drawing/2014/main" id="{883DB038-8FA0-5068-FE61-0E2B739C32FE}"/>
              </a:ext>
            </a:extLst>
          </p:cNvPr>
          <p:cNvSpPr txBox="1">
            <a:spLocks noChangeAspect="1"/>
          </p:cNvSpPr>
          <p:nvPr/>
        </p:nvSpPr>
        <p:spPr>
          <a:xfrm>
            <a:off x="6169023" y="4363784"/>
            <a:ext cx="2541646" cy="576000"/>
          </a:xfrm>
          <a:prstGeom prst="rect">
            <a:avLst/>
          </a:prstGeom>
          <a:solidFill>
            <a:srgbClr val="FF9933">
              <a:alpha val="69804"/>
            </a:srgbClr>
          </a:solidFill>
          <a:ln>
            <a:noFill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>
            <a:defPPr>
              <a:defRPr lang="nb-NO"/>
            </a:defPPr>
            <a:lvl1pPr indent="0" defTabSz="914400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None/>
              <a:defRPr sz="2400" b="1"/>
            </a:lvl1pPr>
            <a:lvl2pPr marL="57150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/>
            </a:lvl2pPr>
            <a:lvl3pPr marL="85725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</a:lvl3pPr>
            <a:lvl4pPr marL="114300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/>
            </a:lvl4pPr>
            <a:lvl5pPr marL="1428750" indent="-285750" defTabSz="914400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/>
            </a:lvl5pPr>
            <a:lvl6pPr marL="25146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 defTabSz="914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361950" defTabSz="901700">
              <a:lnSpc>
                <a:spcPct val="70000"/>
              </a:lnSpc>
            </a:pPr>
            <a:r>
              <a:rPr lang="en-GB" sz="1100"/>
              <a:t>Prices (wage, </a:t>
            </a:r>
            <a:r>
              <a:rPr lang="en-GB" sz="1100" err="1"/>
              <a:t>ind</a:t>
            </a:r>
            <a:r>
              <a:rPr lang="en-GB" sz="1100"/>
              <a:t> &amp; prod)</a:t>
            </a:r>
          </a:p>
          <a:p>
            <a:pPr marL="361950" defTabSz="901700">
              <a:lnSpc>
                <a:spcPct val="70000"/>
              </a:lnSpc>
              <a:buFont typeface="Arial" panose="020B0604020202020204" pitchFamily="34" charset="0"/>
              <a:buChar char="•"/>
            </a:pPr>
            <a:r>
              <a:rPr lang="en-GB" sz="1100" b="0"/>
              <a:t>Update prices</a:t>
            </a:r>
          </a:p>
          <a:p>
            <a:pPr marL="361950" defTabSz="901700">
              <a:lnSpc>
                <a:spcPct val="70000"/>
              </a:lnSpc>
              <a:buFont typeface="Arial" panose="020B0604020202020204" pitchFamily="34" charset="0"/>
              <a:buChar char="•"/>
            </a:pPr>
            <a:r>
              <a:rPr lang="en-GB" sz="1100" b="0"/>
              <a:t>Price conversion of all</a:t>
            </a:r>
          </a:p>
          <a:p>
            <a:pPr marL="361950" defTabSz="901700">
              <a:lnSpc>
                <a:spcPct val="70000"/>
              </a:lnSpc>
              <a:buFont typeface="Arial" panose="020B0604020202020204" pitchFamily="34" charset="0"/>
              <a:buChar char="•"/>
            </a:pPr>
            <a:r>
              <a:rPr lang="en-GB" sz="1100" b="0"/>
              <a:t>Aggregate price</a:t>
            </a:r>
          </a:p>
        </p:txBody>
      </p:sp>
      <p:sp>
        <p:nvSpPr>
          <p:cNvPr id="14" name="Free-form: Shape 13">
            <a:extLst>
              <a:ext uri="{FF2B5EF4-FFF2-40B4-BE49-F238E27FC236}">
                <a16:creationId xmlns:a16="http://schemas.microsoft.com/office/drawing/2014/main" id="{BF62BFF8-E93C-276E-EB3F-BCD1AC9CDB74}"/>
              </a:ext>
            </a:extLst>
          </p:cNvPr>
          <p:cNvSpPr/>
          <p:nvPr/>
        </p:nvSpPr>
        <p:spPr>
          <a:xfrm rot="475245" flipV="1">
            <a:off x="8092228" y="5269754"/>
            <a:ext cx="724918" cy="64342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Free-form: Shape 14">
            <a:extLst>
              <a:ext uri="{FF2B5EF4-FFF2-40B4-BE49-F238E27FC236}">
                <a16:creationId xmlns:a16="http://schemas.microsoft.com/office/drawing/2014/main" id="{ED1F26A3-4E93-0146-3C2A-DF370B1900F5}"/>
              </a:ext>
            </a:extLst>
          </p:cNvPr>
          <p:cNvSpPr/>
          <p:nvPr/>
        </p:nvSpPr>
        <p:spPr>
          <a:xfrm>
            <a:off x="7025821" y="5462702"/>
            <a:ext cx="718004" cy="324657"/>
          </a:xfrm>
          <a:custGeom>
            <a:avLst/>
            <a:gdLst>
              <a:gd name="csX0" fmla="*/ 0 w 990600"/>
              <a:gd name="csY0" fmla="*/ 0 h 622300"/>
              <a:gd name="csX1" fmla="*/ 279400 w 990600"/>
              <a:gd name="csY1" fmla="*/ 228600 h 622300"/>
              <a:gd name="csX2" fmla="*/ 749300 w 990600"/>
              <a:gd name="csY2" fmla="*/ 241300 h 622300"/>
              <a:gd name="csX3" fmla="*/ 990600 w 990600"/>
              <a:gd name="csY3" fmla="*/ 622300 h 6223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</a:cxnLst>
            <a:rect l="l" t="t" r="r" b="b"/>
            <a:pathLst>
              <a:path w="990600" h="622300">
                <a:moveTo>
                  <a:pt x="0" y="0"/>
                </a:moveTo>
                <a:cubicBezTo>
                  <a:pt x="77258" y="94191"/>
                  <a:pt x="154517" y="188383"/>
                  <a:pt x="279400" y="228600"/>
                </a:cubicBezTo>
                <a:cubicBezTo>
                  <a:pt x="404283" y="268817"/>
                  <a:pt x="630767" y="175683"/>
                  <a:pt x="749300" y="241300"/>
                </a:cubicBezTo>
                <a:cubicBezTo>
                  <a:pt x="867833" y="306917"/>
                  <a:pt x="929216" y="464608"/>
                  <a:pt x="990600" y="6223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Arrow: Right 17">
            <a:extLst>
              <a:ext uri="{FF2B5EF4-FFF2-40B4-BE49-F238E27FC236}">
                <a16:creationId xmlns:a16="http://schemas.microsoft.com/office/drawing/2014/main" id="{8F965EFD-6899-A62C-3B87-F8267C3BA7F2}"/>
              </a:ext>
            </a:extLst>
          </p:cNvPr>
          <p:cNvSpPr>
            <a:spLocks noChangeAspect="1"/>
          </p:cNvSpPr>
          <p:nvPr/>
        </p:nvSpPr>
        <p:spPr>
          <a:xfrm>
            <a:off x="5709348" y="3793010"/>
            <a:ext cx="447769" cy="360000"/>
          </a:xfrm>
          <a:prstGeom prst="rightArrow">
            <a:avLst/>
          </a:prstGeom>
          <a:solidFill>
            <a:schemeClr val="bg1"/>
          </a:solidFill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700" err="1">
                <a:solidFill>
                  <a:schemeClr val="accent6">
                    <a:lumMod val="60000"/>
                    <a:lumOff val="40000"/>
                  </a:schemeClr>
                </a:solidFill>
              </a:rPr>
              <a:t>exog</a:t>
            </a:r>
            <a:endParaRPr lang="en-GB" sz="70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9" name="Arrow: Down 18">
            <a:extLst>
              <a:ext uri="{FF2B5EF4-FFF2-40B4-BE49-F238E27FC236}">
                <a16:creationId xmlns:a16="http://schemas.microsoft.com/office/drawing/2014/main" id="{2AABF146-7A39-A2A5-56EF-5CC1125E83FE}"/>
              </a:ext>
            </a:extLst>
          </p:cNvPr>
          <p:cNvSpPr>
            <a:spLocks noChangeAspect="1"/>
          </p:cNvSpPr>
          <p:nvPr/>
        </p:nvSpPr>
        <p:spPr>
          <a:xfrm rot="5400000">
            <a:off x="8769593" y="3807183"/>
            <a:ext cx="290000" cy="360000"/>
          </a:xfrm>
          <a:prstGeom prst="downArrow">
            <a:avLst/>
          </a:prstGeom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vert270" rtlCol="0" anchor="ctr"/>
          <a:lstStyle/>
          <a:p>
            <a:pPr algn="ctr"/>
            <a:r>
              <a:rPr lang="en-GB" sz="700" b="1" err="1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Cambria" panose="02040503050406030204" pitchFamily="18" charset="0"/>
              </a:rPr>
              <a:t>exog</a:t>
            </a:r>
            <a:endParaRPr lang="en-GB" sz="700" b="1">
              <a:solidFill>
                <a:schemeClr val="accent6">
                  <a:lumMod val="60000"/>
                  <a:lumOff val="40000"/>
                </a:schemeClr>
              </a:solidFill>
              <a:latin typeface="+mj-lt"/>
              <a:ea typeface="Cambria" panose="02040503050406030204" pitchFamily="18" charset="0"/>
            </a:endParaRPr>
          </a:p>
        </p:txBody>
      </p:sp>
      <p:sp>
        <p:nvSpPr>
          <p:cNvPr id="22" name="Free-form: Shape 21">
            <a:extLst>
              <a:ext uri="{FF2B5EF4-FFF2-40B4-BE49-F238E27FC236}">
                <a16:creationId xmlns:a16="http://schemas.microsoft.com/office/drawing/2014/main" id="{8C86163D-7C45-33E9-03BE-4B0830A62CF2}"/>
              </a:ext>
            </a:extLst>
          </p:cNvPr>
          <p:cNvSpPr/>
          <p:nvPr/>
        </p:nvSpPr>
        <p:spPr>
          <a:xfrm rot="20723708">
            <a:off x="8446181" y="2974574"/>
            <a:ext cx="251726" cy="894097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Free-form: Shape 22">
            <a:extLst>
              <a:ext uri="{FF2B5EF4-FFF2-40B4-BE49-F238E27FC236}">
                <a16:creationId xmlns:a16="http://schemas.microsoft.com/office/drawing/2014/main" id="{DFC65FCC-394B-47DC-8B67-F3D220480632}"/>
              </a:ext>
            </a:extLst>
          </p:cNvPr>
          <p:cNvSpPr/>
          <p:nvPr/>
        </p:nvSpPr>
        <p:spPr>
          <a:xfrm rot="20968062" flipH="1">
            <a:off x="7012649" y="2265637"/>
            <a:ext cx="631572" cy="192470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7ED47D8A-CC7B-10A8-48ED-833EAA17C99F}"/>
              </a:ext>
            </a:extLst>
          </p:cNvPr>
          <p:cNvSpPr txBox="1"/>
          <p:nvPr/>
        </p:nvSpPr>
        <p:spPr>
          <a:xfrm>
            <a:off x="6092823" y="3325493"/>
            <a:ext cx="1651002" cy="369332"/>
          </a:xfrm>
          <a:prstGeom prst="rect">
            <a:avLst/>
          </a:prstGeom>
          <a:solidFill>
            <a:srgbClr val="FFFFFF">
              <a:alpha val="69804"/>
            </a:srgbClr>
          </a:solidFill>
        </p:spPr>
        <p:txBody>
          <a:bodyPr wrap="square" rtlCol="0">
            <a:spAutoFit/>
          </a:bodyPr>
          <a:lstStyle/>
          <a:p>
            <a:r>
              <a:rPr lang="en-GB" b="1" i="1">
                <a:solidFill>
                  <a:schemeClr val="tx1">
                    <a:lumMod val="50000"/>
                    <a:lumOff val="50000"/>
                  </a:schemeClr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ear t+1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C07FBDAF-6EB7-2221-105A-9F6617F3ECE1}"/>
              </a:ext>
            </a:extLst>
          </p:cNvPr>
          <p:cNvSpPr txBox="1"/>
          <p:nvPr/>
        </p:nvSpPr>
        <p:spPr>
          <a:xfrm>
            <a:off x="8761401" y="5512005"/>
            <a:ext cx="40247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000" b="1">
                <a:latin typeface="+mj-lt"/>
                <a:cs typeface="Courier New" panose="02070309020205020404" pitchFamily="49" charset="0"/>
              </a:rPr>
              <a:t>0.5</a:t>
            </a:r>
          </a:p>
        </p:txBody>
      </p:sp>
      <p:sp>
        <p:nvSpPr>
          <p:cNvPr id="35" name="Content Placeholder 6">
            <a:extLst>
              <a:ext uri="{FF2B5EF4-FFF2-40B4-BE49-F238E27FC236}">
                <a16:creationId xmlns:a16="http://schemas.microsoft.com/office/drawing/2014/main" id="{F101590B-61BD-9D29-98A9-28741095D132}"/>
              </a:ext>
            </a:extLst>
          </p:cNvPr>
          <p:cNvSpPr txBox="1">
            <a:spLocks noChangeAspect="1"/>
          </p:cNvSpPr>
          <p:nvPr/>
        </p:nvSpPr>
        <p:spPr>
          <a:xfrm>
            <a:off x="6169023" y="2505047"/>
            <a:ext cx="1210129" cy="576000"/>
          </a:xfrm>
          <a:prstGeom prst="rect">
            <a:avLst/>
          </a:prstGeom>
          <a:ln>
            <a:noFill/>
          </a:ln>
        </p:spPr>
        <p:style>
          <a:lnRef idx="2">
            <a:schemeClr val="accent5">
              <a:shade val="15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vert="horz" lIns="91440" tIns="45720" rIns="91440" bIns="45720" rtlCol="0" anchor="ctr">
            <a:no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GB" sz="1000" b="1"/>
              <a:t>Physical extensions</a:t>
            </a:r>
          </a:p>
          <a:p>
            <a:pPr marL="361950" indent="0" defTabSz="901700">
              <a:lnSpc>
                <a:spcPct val="80000"/>
              </a:lnSpc>
              <a:spcBef>
                <a:spcPts val="0"/>
              </a:spcBef>
              <a:buClr>
                <a:schemeClr val="accent1"/>
              </a:buClr>
              <a:buSzPct val="100000"/>
            </a:pPr>
            <a:r>
              <a:rPr lang="en-GB" sz="1000"/>
              <a:t>GHG</a:t>
            </a:r>
          </a:p>
          <a:p>
            <a:pPr marL="361950" indent="0" defTabSz="901700">
              <a:lnSpc>
                <a:spcPct val="80000"/>
              </a:lnSpc>
              <a:spcBef>
                <a:spcPts val="0"/>
              </a:spcBef>
              <a:buClr>
                <a:schemeClr val="accent1"/>
              </a:buClr>
              <a:buSzPct val="100000"/>
            </a:pPr>
            <a:r>
              <a:rPr lang="en-GB" sz="1000"/>
              <a:t>EMPL</a:t>
            </a:r>
          </a:p>
        </p:txBody>
      </p:sp>
      <p:sp>
        <p:nvSpPr>
          <p:cNvPr id="43" name="Free-form: Shape 42">
            <a:extLst>
              <a:ext uri="{FF2B5EF4-FFF2-40B4-BE49-F238E27FC236}">
                <a16:creationId xmlns:a16="http://schemas.microsoft.com/office/drawing/2014/main" id="{BE67E137-7873-1931-5995-A307A33E08A5}"/>
              </a:ext>
            </a:extLst>
          </p:cNvPr>
          <p:cNvSpPr/>
          <p:nvPr/>
        </p:nvSpPr>
        <p:spPr>
          <a:xfrm rot="1999405" flipH="1">
            <a:off x="6564007" y="1969054"/>
            <a:ext cx="159825" cy="626811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Free-form: Shape 26">
            <a:extLst>
              <a:ext uri="{FF2B5EF4-FFF2-40B4-BE49-F238E27FC236}">
                <a16:creationId xmlns:a16="http://schemas.microsoft.com/office/drawing/2014/main" id="{AC40F921-05D5-B1B7-65C9-CB1A9DE970DD}"/>
              </a:ext>
            </a:extLst>
          </p:cNvPr>
          <p:cNvSpPr/>
          <p:nvPr/>
        </p:nvSpPr>
        <p:spPr>
          <a:xfrm rot="20968062" flipH="1">
            <a:off x="7049956" y="-876185"/>
            <a:ext cx="631572" cy="192470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Free-form: Shape 29">
            <a:extLst>
              <a:ext uri="{FF2B5EF4-FFF2-40B4-BE49-F238E27FC236}">
                <a16:creationId xmlns:a16="http://schemas.microsoft.com/office/drawing/2014/main" id="{48E51BBE-5D06-F975-0833-A85652194745}"/>
              </a:ext>
            </a:extLst>
          </p:cNvPr>
          <p:cNvSpPr/>
          <p:nvPr/>
        </p:nvSpPr>
        <p:spPr>
          <a:xfrm rot="20723708">
            <a:off x="8446182" y="-210235"/>
            <a:ext cx="251726" cy="894097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Free-form: Shape 33">
            <a:extLst>
              <a:ext uri="{FF2B5EF4-FFF2-40B4-BE49-F238E27FC236}">
                <a16:creationId xmlns:a16="http://schemas.microsoft.com/office/drawing/2014/main" id="{9A54DE86-6E39-7A24-2502-929178CD49C3}"/>
              </a:ext>
            </a:extLst>
          </p:cNvPr>
          <p:cNvSpPr/>
          <p:nvPr/>
        </p:nvSpPr>
        <p:spPr>
          <a:xfrm rot="20723708">
            <a:off x="8446180" y="6123000"/>
            <a:ext cx="251726" cy="894097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Free-form: Shape 37">
            <a:extLst>
              <a:ext uri="{FF2B5EF4-FFF2-40B4-BE49-F238E27FC236}">
                <a16:creationId xmlns:a16="http://schemas.microsoft.com/office/drawing/2014/main" id="{B8C7B399-8907-E8BC-813A-C5B24762A58E}"/>
              </a:ext>
            </a:extLst>
          </p:cNvPr>
          <p:cNvSpPr/>
          <p:nvPr/>
        </p:nvSpPr>
        <p:spPr>
          <a:xfrm rot="20968062" flipH="1">
            <a:off x="7012648" y="5414063"/>
            <a:ext cx="631572" cy="1924700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Content Placeholder 6">
            <a:extLst>
              <a:ext uri="{FF2B5EF4-FFF2-40B4-BE49-F238E27FC236}">
                <a16:creationId xmlns:a16="http://schemas.microsoft.com/office/drawing/2014/main" id="{48DAE001-F6D2-9C1E-D205-30DE668D5AF9}"/>
              </a:ext>
            </a:extLst>
          </p:cNvPr>
          <p:cNvSpPr txBox="1">
            <a:spLocks noChangeAspect="1"/>
          </p:cNvSpPr>
          <p:nvPr/>
        </p:nvSpPr>
        <p:spPr>
          <a:xfrm>
            <a:off x="6169023" y="5675036"/>
            <a:ext cx="1210129" cy="576000"/>
          </a:xfrm>
          <a:prstGeom prst="rect">
            <a:avLst/>
          </a:prstGeom>
          <a:ln>
            <a:noFill/>
          </a:ln>
        </p:spPr>
        <p:style>
          <a:lnRef idx="2">
            <a:schemeClr val="accent5">
              <a:shade val="15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vert="horz" lIns="91440" tIns="45720" rIns="91440" bIns="45720" rtlCol="0" anchor="ctr">
            <a:no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GB" sz="1000" b="1"/>
              <a:t>Physical extensions</a:t>
            </a:r>
          </a:p>
          <a:p>
            <a:pPr marL="361950" indent="0" defTabSz="901700">
              <a:lnSpc>
                <a:spcPct val="80000"/>
              </a:lnSpc>
              <a:spcBef>
                <a:spcPts val="0"/>
              </a:spcBef>
              <a:buClr>
                <a:schemeClr val="accent1"/>
              </a:buClr>
              <a:buSzPct val="100000"/>
            </a:pPr>
            <a:r>
              <a:rPr lang="en-GB" sz="1000"/>
              <a:t>GHG</a:t>
            </a:r>
          </a:p>
          <a:p>
            <a:pPr marL="361950" indent="0" defTabSz="901700">
              <a:lnSpc>
                <a:spcPct val="80000"/>
              </a:lnSpc>
              <a:spcBef>
                <a:spcPts val="0"/>
              </a:spcBef>
              <a:buClr>
                <a:schemeClr val="accent1"/>
              </a:buClr>
              <a:buSzPct val="100000"/>
            </a:pPr>
            <a:r>
              <a:rPr lang="en-GB" sz="1000"/>
              <a:t>EMPL</a:t>
            </a:r>
          </a:p>
        </p:txBody>
      </p:sp>
      <p:sp>
        <p:nvSpPr>
          <p:cNvPr id="16" name="Free-form: Shape 15">
            <a:extLst>
              <a:ext uri="{FF2B5EF4-FFF2-40B4-BE49-F238E27FC236}">
                <a16:creationId xmlns:a16="http://schemas.microsoft.com/office/drawing/2014/main" id="{29F17671-E8A2-259B-1DD5-ECF20627816B}"/>
              </a:ext>
            </a:extLst>
          </p:cNvPr>
          <p:cNvSpPr/>
          <p:nvPr/>
        </p:nvSpPr>
        <p:spPr>
          <a:xfrm rot="1999405" flipH="1">
            <a:off x="6564007" y="5139043"/>
            <a:ext cx="159825" cy="626811"/>
          </a:xfrm>
          <a:custGeom>
            <a:avLst/>
            <a:gdLst>
              <a:gd name="csX0" fmla="*/ 571500 w 746097"/>
              <a:gd name="csY0" fmla="*/ 0 h 1612900"/>
              <a:gd name="csX1" fmla="*/ 711200 w 746097"/>
              <a:gd name="csY1" fmla="*/ 952500 h 1612900"/>
              <a:gd name="csX2" fmla="*/ 0 w 746097"/>
              <a:gd name="csY2" fmla="*/ 1612900 h 1612900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</a:cxnLst>
            <a:rect l="l" t="t" r="r" b="b"/>
            <a:pathLst>
              <a:path w="746097" h="1612900">
                <a:moveTo>
                  <a:pt x="571500" y="0"/>
                </a:moveTo>
                <a:cubicBezTo>
                  <a:pt x="688975" y="341841"/>
                  <a:pt x="806450" y="683683"/>
                  <a:pt x="711200" y="952500"/>
                </a:cubicBezTo>
                <a:cubicBezTo>
                  <a:pt x="615950" y="1221317"/>
                  <a:pt x="307975" y="1417108"/>
                  <a:pt x="0" y="1612900"/>
                </a:cubicBezTo>
              </a:path>
            </a:pathLst>
          </a:custGeom>
          <a:noFill/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Title 43">
            <a:extLst>
              <a:ext uri="{FF2B5EF4-FFF2-40B4-BE49-F238E27FC236}">
                <a16:creationId xmlns:a16="http://schemas.microsoft.com/office/drawing/2014/main" id="{561315D3-D40D-9456-36AF-3AF4BD48FA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odel flow</a:t>
            </a:r>
          </a:p>
        </p:txBody>
      </p:sp>
    </p:spTree>
    <p:extLst>
      <p:ext uri="{BB962C8B-B14F-4D97-AF65-F5344CB8AC3E}">
        <p14:creationId xmlns:p14="http://schemas.microsoft.com/office/powerpoint/2010/main" val="47933207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 animBg="1"/>
      <p:bldP spid="7" grpId="0" animBg="1"/>
      <p:bldP spid="9" grpId="0" animBg="1"/>
      <p:bldP spid="10" grpId="0" animBg="1"/>
      <p:bldP spid="11" grpId="0" animBg="1"/>
      <p:bldP spid="12" grpId="0" animBg="1"/>
      <p:bldP spid="14" grpId="0" animBg="1"/>
      <p:bldP spid="15" grpId="0" animBg="1"/>
      <p:bldP spid="18" grpId="0" animBg="1"/>
      <p:bldP spid="19" grpId="0" animBg="1"/>
      <p:bldP spid="22" grpId="0" animBg="1"/>
      <p:bldP spid="23" grpId="0" animBg="1"/>
      <p:bldP spid="24" grpId="0" animBg="1"/>
      <p:bldP spid="25" grpId="0"/>
      <p:bldP spid="34" grpId="0" animBg="1"/>
      <p:bldP spid="38" grpId="0" animBg="1"/>
      <p:bldP spid="13" grpId="0" animBg="1"/>
      <p:bldP spid="1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8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Default standard PowerPoint template SINTEF.pptx" id="{BF6B8995-E888-4B78-AA09-81A92375AEDF}" vid="{1AB2C0BF-F90E-43EB-9E07-271BE9FCEA77}"/>
    </a:ext>
  </a:extLst>
</a:theme>
</file>

<file path=ppt/theme/theme2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Default standard PowerPoint template SINTEF.pptx" id="{BF6B8995-E888-4B78-AA09-81A92375AEDF}" vid="{594AE09F-E2D4-4D42-8D20-BB042A24A1DE}"/>
    </a:ext>
  </a:extLst>
</a:theme>
</file>

<file path=ppt/theme/theme3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Default standard PowerPoint template SINTEF.pptx" id="{BF6B8995-E888-4B78-AA09-81A92375AEDF}" vid="{B602AE9A-04C5-4719-A0EF-DECDD8C61E91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B60764E7A16C26438E09DB17FE52C8F3" ma:contentTypeVersion="11" ma:contentTypeDescription="Opprett et nytt dokument." ma:contentTypeScope="" ma:versionID="7ed9e8b685cba6ba2f7f7e9b02e967db">
  <xsd:schema xmlns:xsd="http://www.w3.org/2001/XMLSchema" xmlns:xs="http://www.w3.org/2001/XMLSchema" xmlns:p="http://schemas.microsoft.com/office/2006/metadata/properties" xmlns:ns2="41e34906-14d2-477a-bf34-22879a0ca43e" xmlns:ns3="008242aa-c0da-4eb3-a860-1407de6d9ef0" targetNamespace="http://schemas.microsoft.com/office/2006/metadata/properties" ma:root="true" ma:fieldsID="ba027a7ef6eb17beeac5e47801db0b5c" ns2:_="" ns3:_="">
    <xsd:import namespace="41e34906-14d2-477a-bf34-22879a0ca43e"/>
    <xsd:import namespace="008242aa-c0da-4eb3-a860-1407de6d9ef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1e34906-14d2-477a-bf34-22879a0ca43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4" nillable="true" ma:taxonomy="true" ma:internalName="lcf76f155ced4ddcb4097134ff3c332f" ma:taxonomyFieldName="MediaServiceImageTags" ma:displayName="Bildemerkelapper" ma:readOnly="false" ma:fieldId="{5cf76f15-5ced-4ddc-b409-7134ff3c332f}" ma:taxonomyMulti="true" ma:sspId="322a372c-f9c2-4fd8-9939-aea158435ba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08242aa-c0da-4eb3-a860-1407de6d9ef0" elementFormDefault="qualified">
    <xsd:import namespace="http://schemas.microsoft.com/office/2006/documentManagement/types"/>
    <xsd:import namespace="http://schemas.microsoft.com/office/infopath/2007/PartnerControls"/>
    <xsd:element name="TaxCatchAll" ma:index="15" nillable="true" ma:displayName="Taxonomy Catch All Column" ma:hidden="true" ma:list="{f4b9a0fe-4065-4e67-abec-e5ee91bb6603}" ma:internalName="TaxCatchAll" ma:showField="CatchAllData" ma:web="008242aa-c0da-4eb3-a860-1407de6d9ef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1e34906-14d2-477a-bf34-22879a0ca43e">
      <Terms xmlns="http://schemas.microsoft.com/office/infopath/2007/PartnerControls"/>
    </lcf76f155ced4ddcb4097134ff3c332f>
    <TaxCatchAll xmlns="008242aa-c0da-4eb3-a860-1407de6d9ef0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AAA716A7-073F-40A0-97B4-2B1F90D2BB86}">
  <ds:schemaRefs>
    <ds:schemaRef ds:uri="008242aa-c0da-4eb3-a860-1407de6d9ef0"/>
    <ds:schemaRef ds:uri="41e34906-14d2-477a-bf34-22879a0ca43e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0645A9D7-53BF-4F8A-B6A3-75E888763AAB}">
  <ds:schemaRefs>
    <ds:schemaRef ds:uri="008242aa-c0da-4eb3-a860-1407de6d9ef0"/>
    <ds:schemaRef ds:uri="41e34906-14d2-477a-bf34-22879a0ca43e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e1f00f39-6041-45b0-b309-e0210d8b32af}" enabled="0" method="" siteId="{e1f00f39-6041-45b0-b309-e0210d8b32a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1906</Words>
  <Application>Microsoft Office PowerPoint</Application>
  <PresentationFormat>Widescreen</PresentationFormat>
  <Paragraphs>346</Paragraphs>
  <Slides>24</Slides>
  <Notes>2</Notes>
  <HiddenSlides>2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4</vt:i4>
      </vt:variant>
    </vt:vector>
  </HeadingPairs>
  <TitlesOfParts>
    <vt:vector size="36" baseType="lpstr">
      <vt:lpstr>Arial</vt:lpstr>
      <vt:lpstr>Calibri</vt:lpstr>
      <vt:lpstr>Calibri Light</vt:lpstr>
      <vt:lpstr>Cambria</vt:lpstr>
      <vt:lpstr>Cambria Math</vt:lpstr>
      <vt:lpstr>Courier New</vt:lpstr>
      <vt:lpstr>MV Boli</vt:lpstr>
      <vt:lpstr>Wingdings</vt:lpstr>
      <vt:lpstr>Work Sans</vt:lpstr>
      <vt:lpstr>Uten bunnlinje</vt:lpstr>
      <vt:lpstr>Uten bunnline (Blå)</vt:lpstr>
      <vt:lpstr>Kapitteldeler</vt:lpstr>
      <vt:lpstr>MAESTRIO  Developing an open-source MAcroEconomic Sustainability TRajectory model with Input-Output </vt:lpstr>
      <vt:lpstr>PowerPoint Presentation</vt:lpstr>
      <vt:lpstr>Why do we need MAESTRIO?</vt:lpstr>
      <vt:lpstr>MAESTRIO in short</vt:lpstr>
      <vt:lpstr>Theoretical background</vt:lpstr>
      <vt:lpstr>Empirical model</vt:lpstr>
      <vt:lpstr>Empirical model</vt:lpstr>
      <vt:lpstr>Model flow</vt:lpstr>
      <vt:lpstr>Model flow</vt:lpstr>
      <vt:lpstr>PowerPoint Presentation</vt:lpstr>
      <vt:lpstr>Empirical model MAcroEconomic Sustainability TRajectory model with Input-Output (MAESTRIO)</vt:lpstr>
      <vt:lpstr>Code and code structure</vt:lpstr>
      <vt:lpstr>PowerPoint Presentation</vt:lpstr>
      <vt:lpstr>WISE Horizons scenario examples</vt:lpstr>
      <vt:lpstr>WISE Horizons “sufficiency” scenario</vt:lpstr>
      <vt:lpstr>WISE Horizons “slow growth” scenario</vt:lpstr>
      <vt:lpstr>RTE EV scenario example European transition towards Electric Vehicles: Impact on Energy Consumption across world regions</vt:lpstr>
      <vt:lpstr>EV scenario implementation in MAESTRIO</vt:lpstr>
      <vt:lpstr>EV example: Baseline – Pop growth</vt:lpstr>
      <vt:lpstr>EV scenario results (direct &amp; indirect energy consumption)</vt:lpstr>
      <vt:lpstr>Refining energy (final and intermediate) consumption modelling</vt:lpstr>
      <vt:lpstr>Way forward</vt:lpstr>
      <vt:lpstr>PowerPoint Presentation</vt:lpstr>
      <vt:lpstr>Theoretical background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Kirsten Svenja Wiebe</dc:creator>
  <cp:lastModifiedBy>Kirsten Svenja Wiebe</cp:lastModifiedBy>
  <cp:revision>1</cp:revision>
  <dcterms:created xsi:type="dcterms:W3CDTF">2026-03-19T09:49:27Z</dcterms:created>
  <dcterms:modified xsi:type="dcterms:W3CDTF">2026-06-19T05:26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2-06-09T17:38:20.9402570Z</vt:lpwstr>
  </property>
  <property fmtid="{D5CDD505-2E9C-101B-9397-08002B2CF9AE}" pid="3" name="MediaServiceImageTags">
    <vt:lpwstr/>
  </property>
  <property fmtid="{D5CDD505-2E9C-101B-9397-08002B2CF9AE}" pid="4" name="CustomerId">
    <vt:lpwstr>sintef</vt:lpwstr>
  </property>
  <property fmtid="{D5CDD505-2E9C-101B-9397-08002B2CF9AE}" pid="5" name="TemplateId">
    <vt:lpwstr>637469247407135749</vt:lpwstr>
  </property>
  <property fmtid="{D5CDD505-2E9C-101B-9397-08002B2CF9AE}" pid="6" name="UserProfileId">
    <vt:lpwstr>637484577795183768</vt:lpwstr>
  </property>
  <property fmtid="{D5CDD505-2E9C-101B-9397-08002B2CF9AE}" pid="7" name="ContentTypeId">
    <vt:lpwstr>0x010100B60764E7A16C26438E09DB17FE52C8F3</vt:lpwstr>
  </property>
</Properties>
</file>